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tags/tag2.xml" ContentType="application/vnd.openxmlformats-officedocument.presentationml.tags+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31" r:id="rId7"/>
  </p:sldMasterIdLst>
  <p:notesMasterIdLst>
    <p:notesMasterId r:id="rId36"/>
  </p:notesMasterIdLst>
  <p:sldIdLst>
    <p:sldId id="341" r:id="rId8"/>
    <p:sldId id="912" r:id="rId9"/>
    <p:sldId id="713" r:id="rId10"/>
    <p:sldId id="719" r:id="rId11"/>
    <p:sldId id="722" r:id="rId12"/>
    <p:sldId id="723" r:id="rId13"/>
    <p:sldId id="726" r:id="rId14"/>
    <p:sldId id="727" r:id="rId15"/>
    <p:sldId id="728" r:id="rId16"/>
    <p:sldId id="729" r:id="rId17"/>
    <p:sldId id="730" r:id="rId18"/>
    <p:sldId id="732" r:id="rId19"/>
    <p:sldId id="733" r:id="rId20"/>
    <p:sldId id="914" r:id="rId21"/>
    <p:sldId id="915" r:id="rId22"/>
    <p:sldId id="916" r:id="rId23"/>
    <p:sldId id="918" r:id="rId24"/>
    <p:sldId id="919" r:id="rId25"/>
    <p:sldId id="917" r:id="rId26"/>
    <p:sldId id="921" r:id="rId27"/>
    <p:sldId id="923" r:id="rId28"/>
    <p:sldId id="924" r:id="rId29"/>
    <p:sldId id="925" r:id="rId30"/>
    <p:sldId id="926" r:id="rId31"/>
    <p:sldId id="927" r:id="rId32"/>
    <p:sldId id="928" r:id="rId33"/>
    <p:sldId id="929" r:id="rId34"/>
    <p:sldId id="913" r:id="rId35"/>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Untitled Section" id="{BC2155E2-0CA9-4621-B47B-200DA35081BE}">
          <p14:sldIdLst>
            <p14:sldId id="341"/>
            <p14:sldId id="912"/>
            <p14:sldId id="713"/>
            <p14:sldId id="719"/>
            <p14:sldId id="722"/>
            <p14:sldId id="723"/>
            <p14:sldId id="726"/>
            <p14:sldId id="727"/>
            <p14:sldId id="728"/>
            <p14:sldId id="729"/>
            <p14:sldId id="730"/>
            <p14:sldId id="732"/>
            <p14:sldId id="733"/>
            <p14:sldId id="914"/>
            <p14:sldId id="915"/>
            <p14:sldId id="916"/>
            <p14:sldId id="918"/>
            <p14:sldId id="919"/>
            <p14:sldId id="917"/>
            <p14:sldId id="921"/>
            <p14:sldId id="923"/>
            <p14:sldId id="924"/>
            <p14:sldId id="925"/>
            <p14:sldId id="926"/>
            <p14:sldId id="927"/>
            <p14:sldId id="928"/>
            <p14:sldId id="929"/>
            <p14:sldId id="913"/>
          </p14:sldIdLst>
        </p14:section>
      </p14:sectionLst>
    </p:ex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FFBA04C-581A-43BA-950C-614B95DF66A6}" v="1535" dt="2025-06-17T11:35:42.38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7001" autoAdjust="0"/>
    <p:restoredTop sz="96327"/>
  </p:normalViewPr>
  <p:slideViewPr>
    <p:cSldViewPr snapToGrid="0" snapToObjects="1">
      <p:cViewPr varScale="1">
        <p:scale>
          <a:sx n="66" d="100"/>
          <a:sy n="66" d="100"/>
        </p:scale>
        <p:origin x="592" y="32"/>
      </p:cViewPr>
      <p:guideLst/>
    </p:cSldViewPr>
  </p:slideViewPr>
  <p:notesTextViewPr>
    <p:cViewPr>
      <p:scale>
        <a:sx n="3" d="2"/>
        <a:sy n="3" d="2"/>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theme" Target="theme/theme1.xml"/><Relationship Id="rId21" Type="http://schemas.openxmlformats.org/officeDocument/2006/relationships/slide" Target="slides/slide14.xml"/><Relationship Id="rId34" Type="http://schemas.openxmlformats.org/officeDocument/2006/relationships/slide" Target="slides/slide27.xml"/><Relationship Id="rId42" Type="http://schemas.microsoft.com/office/2015/10/relationships/revisionInfo" Target="revisionInfo.xml"/><Relationship Id="rId7" Type="http://schemas.openxmlformats.org/officeDocument/2006/relationships/slideMaster" Target="slideMasters/slideMaster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slide" Target="slides/slide22.xml"/><Relationship Id="rId41"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notesMaster" Target="notesMasters/notesMaster1.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slide" Target="slides/slide28.xml"/><Relationship Id="rId8" Type="http://schemas.openxmlformats.org/officeDocument/2006/relationships/slide" Target="slides/slide1.xml"/><Relationship Id="rId3" Type="http://schemas.openxmlformats.org/officeDocument/2006/relationships/customXml" Target="../customXml/item3.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Vagnarelli, Alessio" userId="7630aed0-756e-42de-813a-0c9638cc0479" providerId="ADAL" clId="{1974E21F-B8E7-4B43-AFE1-62D0C2798FBD}"/>
    <pc:docChg chg="undo redo custSel addSld delSld modSld sldOrd addMainMaster delMainMaster modSection">
      <pc:chgData name="Vagnarelli, Alessio" userId="7630aed0-756e-42de-813a-0c9638cc0479" providerId="ADAL" clId="{1974E21F-B8E7-4B43-AFE1-62D0C2798FBD}" dt="2024-06-18T15:00:59.997" v="3681" actId="13926"/>
      <pc:docMkLst>
        <pc:docMk/>
      </pc:docMkLst>
      <pc:sldChg chg="del">
        <pc:chgData name="Vagnarelli, Alessio" userId="7630aed0-756e-42de-813a-0c9638cc0479" providerId="ADAL" clId="{1974E21F-B8E7-4B43-AFE1-62D0C2798FBD}" dt="2024-06-15T15:43:04.711" v="418" actId="47"/>
        <pc:sldMkLst>
          <pc:docMk/>
          <pc:sldMk cId="2338008872" sldId="263"/>
        </pc:sldMkLst>
      </pc:sldChg>
      <pc:sldChg chg="modSp add del mod">
        <pc:chgData name="Vagnarelli, Alessio" userId="7630aed0-756e-42de-813a-0c9638cc0479" providerId="ADAL" clId="{1974E21F-B8E7-4B43-AFE1-62D0C2798FBD}" dt="2024-06-15T15:43:18.575" v="434" actId="47"/>
        <pc:sldMkLst>
          <pc:docMk/>
          <pc:sldMk cId="861957290" sldId="341"/>
        </pc:sldMkLst>
        <pc:spChg chg="mod">
          <ac:chgData name="Vagnarelli, Alessio" userId="7630aed0-756e-42de-813a-0c9638cc0479" providerId="ADAL" clId="{1974E21F-B8E7-4B43-AFE1-62D0C2798FBD}" dt="2024-06-15T14:49:17.089" v="13" actId="20577"/>
          <ac:spMkLst>
            <pc:docMk/>
            <pc:sldMk cId="861957290" sldId="341"/>
            <ac:spMk id="13" creationId="{DE5B9CEA-5E73-4E22-8C75-E8D43059FFC7}"/>
          </ac:spMkLst>
        </pc:spChg>
      </pc:sldChg>
      <pc:sldChg chg="del">
        <pc:chgData name="Vagnarelli, Alessio" userId="7630aed0-756e-42de-813a-0c9638cc0479" providerId="ADAL" clId="{1974E21F-B8E7-4B43-AFE1-62D0C2798FBD}" dt="2024-06-15T15:43:04.675" v="417" actId="47"/>
        <pc:sldMkLst>
          <pc:docMk/>
          <pc:sldMk cId="1485223179" sldId="436"/>
        </pc:sldMkLst>
      </pc:sldChg>
      <pc:sldChg chg="del">
        <pc:chgData name="Vagnarelli, Alessio" userId="7630aed0-756e-42de-813a-0c9638cc0479" providerId="ADAL" clId="{1974E21F-B8E7-4B43-AFE1-62D0C2798FBD}" dt="2024-06-15T15:43:04.903" v="421" actId="47"/>
        <pc:sldMkLst>
          <pc:docMk/>
          <pc:sldMk cId="2467030945" sldId="469"/>
        </pc:sldMkLst>
      </pc:sldChg>
      <pc:sldChg chg="add del">
        <pc:chgData name="Vagnarelli, Alessio" userId="7630aed0-756e-42de-813a-0c9638cc0479" providerId="ADAL" clId="{1974E21F-B8E7-4B43-AFE1-62D0C2798FBD}" dt="2024-06-15T15:44:07.672" v="450" actId="47"/>
        <pc:sldMkLst>
          <pc:docMk/>
          <pc:sldMk cId="1041853971" sldId="471"/>
        </pc:sldMkLst>
      </pc:sldChg>
      <pc:sldChg chg="del">
        <pc:chgData name="Vagnarelli, Alessio" userId="7630aed0-756e-42de-813a-0c9638cc0479" providerId="ADAL" clId="{1974E21F-B8E7-4B43-AFE1-62D0C2798FBD}" dt="2024-06-15T15:43:04.815" v="419" actId="47"/>
        <pc:sldMkLst>
          <pc:docMk/>
          <pc:sldMk cId="4199616742" sldId="484"/>
        </pc:sldMkLst>
      </pc:sldChg>
      <pc:sldChg chg="del">
        <pc:chgData name="Vagnarelli, Alessio" userId="7630aed0-756e-42de-813a-0c9638cc0479" providerId="ADAL" clId="{1974E21F-B8E7-4B43-AFE1-62D0C2798FBD}" dt="2024-06-15T15:43:04.859" v="420" actId="47"/>
        <pc:sldMkLst>
          <pc:docMk/>
          <pc:sldMk cId="1049286935" sldId="485"/>
        </pc:sldMkLst>
      </pc:sldChg>
      <pc:sldChg chg="delSp modSp add del mod">
        <pc:chgData name="Vagnarelli, Alessio" userId="7630aed0-756e-42de-813a-0c9638cc0479" providerId="ADAL" clId="{1974E21F-B8E7-4B43-AFE1-62D0C2798FBD}" dt="2024-06-18T10:44:51.316" v="3627" actId="47"/>
        <pc:sldMkLst>
          <pc:docMk/>
          <pc:sldMk cId="1537346740" sldId="718"/>
        </pc:sldMkLst>
        <pc:spChg chg="del mod">
          <ac:chgData name="Vagnarelli, Alessio" userId="7630aed0-756e-42de-813a-0c9638cc0479" providerId="ADAL" clId="{1974E21F-B8E7-4B43-AFE1-62D0C2798FBD}" dt="2024-06-18T10:44:48.789" v="3626" actId="21"/>
          <ac:spMkLst>
            <pc:docMk/>
            <pc:sldMk cId="1537346740" sldId="718"/>
            <ac:spMk id="5" creationId="{BF30CAA7-981A-4A95-8E9C-EB17C724B66C}"/>
          </ac:spMkLst>
        </pc:spChg>
        <pc:picChg chg="del">
          <ac:chgData name="Vagnarelli, Alessio" userId="7630aed0-756e-42de-813a-0c9638cc0479" providerId="ADAL" clId="{1974E21F-B8E7-4B43-AFE1-62D0C2798FBD}" dt="2024-06-18T10:44:33.641" v="3622" actId="21"/>
          <ac:picMkLst>
            <pc:docMk/>
            <pc:sldMk cId="1537346740" sldId="718"/>
            <ac:picMk id="12" creationId="{BC5B589C-EA7F-4380-8DAD-BBD89CCD0423}"/>
          </ac:picMkLst>
        </pc:picChg>
      </pc:sldChg>
      <pc:sldChg chg="addSp delSp modSp add del mod modAnim">
        <pc:chgData name="Vagnarelli, Alessio" userId="7630aed0-756e-42de-813a-0c9638cc0479" providerId="ADAL" clId="{1974E21F-B8E7-4B43-AFE1-62D0C2798FBD}" dt="2024-06-18T10:39:40.336" v="3597"/>
        <pc:sldMkLst>
          <pc:docMk/>
          <pc:sldMk cId="1735445810" sldId="829"/>
        </pc:sldMkLst>
        <pc:spChg chg="mod">
          <ac:chgData name="Vagnarelli, Alessio" userId="7630aed0-756e-42de-813a-0c9638cc0479" providerId="ADAL" clId="{1974E21F-B8E7-4B43-AFE1-62D0C2798FBD}" dt="2024-06-15T14:53:12.106" v="118" actId="1076"/>
          <ac:spMkLst>
            <pc:docMk/>
            <pc:sldMk cId="1735445810" sldId="829"/>
            <ac:spMk id="2" creationId="{8F81A2CE-15E0-34AB-2240-A3A052CCBDBB}"/>
          </ac:spMkLst>
        </pc:spChg>
        <pc:spChg chg="add mod">
          <ac:chgData name="Vagnarelli, Alessio" userId="7630aed0-756e-42de-813a-0c9638cc0479" providerId="ADAL" clId="{1974E21F-B8E7-4B43-AFE1-62D0C2798FBD}" dt="2024-06-15T14:53:04.894" v="117" actId="115"/>
          <ac:spMkLst>
            <pc:docMk/>
            <pc:sldMk cId="1735445810" sldId="829"/>
            <ac:spMk id="3" creationId="{73DF49D4-F6ED-FACC-7942-30B054F1A035}"/>
          </ac:spMkLst>
        </pc:spChg>
        <pc:spChg chg="mod">
          <ac:chgData name="Vagnarelli, Alessio" userId="7630aed0-756e-42de-813a-0c9638cc0479" providerId="ADAL" clId="{1974E21F-B8E7-4B43-AFE1-62D0C2798FBD}" dt="2024-06-15T14:50:27.149" v="42" actId="114"/>
          <ac:spMkLst>
            <pc:docMk/>
            <pc:sldMk cId="1735445810" sldId="829"/>
            <ac:spMk id="4" creationId="{96FA237D-60ED-0A9C-4F7A-851FDF1A360A}"/>
          </ac:spMkLst>
        </pc:spChg>
        <pc:spChg chg="del">
          <ac:chgData name="Vagnarelli, Alessio" userId="7630aed0-756e-42de-813a-0c9638cc0479" providerId="ADAL" clId="{1974E21F-B8E7-4B43-AFE1-62D0C2798FBD}" dt="2024-06-15T14:50:29.769" v="43" actId="21"/>
          <ac:spMkLst>
            <pc:docMk/>
            <pc:sldMk cId="1735445810" sldId="829"/>
            <ac:spMk id="9" creationId="{2A8E5FFF-E1BB-6F98-978D-0E9437125265}"/>
          </ac:spMkLst>
        </pc:spChg>
      </pc:sldChg>
      <pc:sldChg chg="modSp del mod ord modAnim">
        <pc:chgData name="Vagnarelli, Alessio" userId="7630aed0-756e-42de-813a-0c9638cc0479" providerId="ADAL" clId="{1974E21F-B8E7-4B43-AFE1-62D0C2798FBD}" dt="2024-06-18T10:41:15.858" v="3617"/>
        <pc:sldMkLst>
          <pc:docMk/>
          <pc:sldMk cId="1182629363" sldId="830"/>
        </pc:sldMkLst>
        <pc:spChg chg="mod">
          <ac:chgData name="Vagnarelli, Alessio" userId="7630aed0-756e-42de-813a-0c9638cc0479" providerId="ADAL" clId="{1974E21F-B8E7-4B43-AFE1-62D0C2798FBD}" dt="2024-06-16T08:49:47.785" v="3413" actId="27636"/>
          <ac:spMkLst>
            <pc:docMk/>
            <pc:sldMk cId="1182629363" sldId="830"/>
            <ac:spMk id="2" creationId="{F9719E03-3790-887E-610B-63DE82D6B615}"/>
          </ac:spMkLst>
        </pc:spChg>
        <pc:graphicFrameChg chg="mod">
          <ac:chgData name="Vagnarelli, Alessio" userId="7630aed0-756e-42de-813a-0c9638cc0479" providerId="ADAL" clId="{1974E21F-B8E7-4B43-AFE1-62D0C2798FBD}" dt="2024-06-15T17:24:58.234" v="1364" actId="20577"/>
          <ac:graphicFrameMkLst>
            <pc:docMk/>
            <pc:sldMk cId="1182629363" sldId="830"/>
            <ac:graphicFrameMk id="5" creationId="{C4D98238-7B7E-D0D2-A420-CB4D932C754B}"/>
          </ac:graphicFrameMkLst>
        </pc:graphicFrameChg>
      </pc:sldChg>
      <pc:sldChg chg="addSp modSp add del mod ord modAnim">
        <pc:chgData name="Vagnarelli, Alessio" userId="7630aed0-756e-42de-813a-0c9638cc0479" providerId="ADAL" clId="{1974E21F-B8E7-4B43-AFE1-62D0C2798FBD}" dt="2024-06-18T14:02:06.181" v="3639" actId="115"/>
        <pc:sldMkLst>
          <pc:docMk/>
          <pc:sldMk cId="1427715236" sldId="831"/>
        </pc:sldMkLst>
        <pc:spChg chg="mod">
          <ac:chgData name="Vagnarelli, Alessio" userId="7630aed0-756e-42de-813a-0c9638cc0479" providerId="ADAL" clId="{1974E21F-B8E7-4B43-AFE1-62D0C2798FBD}" dt="2024-06-15T17:29:44.636" v="1380" actId="1076"/>
          <ac:spMkLst>
            <pc:docMk/>
            <pc:sldMk cId="1427715236" sldId="831"/>
            <ac:spMk id="2" creationId="{840BA7DA-B26C-D300-2B89-6C4B0219CA1F}"/>
          </ac:spMkLst>
        </pc:spChg>
        <pc:spChg chg="add mod">
          <ac:chgData name="Vagnarelli, Alessio" userId="7630aed0-756e-42de-813a-0c9638cc0479" providerId="ADAL" clId="{1974E21F-B8E7-4B43-AFE1-62D0C2798FBD}" dt="2024-06-18T09:40:42.756" v="3587" actId="115"/>
          <ac:spMkLst>
            <pc:docMk/>
            <pc:sldMk cId="1427715236" sldId="831"/>
            <ac:spMk id="3" creationId="{EAC8C416-7768-2219-AA52-63491A38BF07}"/>
          </ac:spMkLst>
        </pc:spChg>
        <pc:spChg chg="mod">
          <ac:chgData name="Vagnarelli, Alessio" userId="7630aed0-756e-42de-813a-0c9638cc0479" providerId="ADAL" clId="{1974E21F-B8E7-4B43-AFE1-62D0C2798FBD}" dt="2024-06-18T14:02:06.181" v="3639" actId="115"/>
          <ac:spMkLst>
            <pc:docMk/>
            <pc:sldMk cId="1427715236" sldId="831"/>
            <ac:spMk id="8" creationId="{7D23DC7D-F255-5FF0-D037-4BB7E397D4B9}"/>
          </ac:spMkLst>
        </pc:spChg>
      </pc:sldChg>
      <pc:sldChg chg="del delDesignElem">
        <pc:chgData name="Vagnarelli, Alessio" userId="7630aed0-756e-42de-813a-0c9638cc0479" providerId="ADAL" clId="{1974E21F-B8E7-4B43-AFE1-62D0C2798FBD}" dt="2024-06-15T16:33:09.328" v="982" actId="47"/>
        <pc:sldMkLst>
          <pc:docMk/>
          <pc:sldMk cId="1946028316" sldId="835"/>
        </pc:sldMkLst>
      </pc:sldChg>
      <pc:sldChg chg="addSp modSp add del mod modAnim">
        <pc:chgData name="Vagnarelli, Alessio" userId="7630aed0-756e-42de-813a-0c9638cc0479" providerId="ADAL" clId="{1974E21F-B8E7-4B43-AFE1-62D0C2798FBD}" dt="2024-06-18T14:41:20.408" v="3677" actId="6549"/>
        <pc:sldMkLst>
          <pc:docMk/>
          <pc:sldMk cId="4162506787" sldId="854"/>
        </pc:sldMkLst>
        <pc:spChg chg="add mod">
          <ac:chgData name="Vagnarelli, Alessio" userId="7630aed0-756e-42de-813a-0c9638cc0479" providerId="ADAL" clId="{1974E21F-B8E7-4B43-AFE1-62D0C2798FBD}" dt="2024-06-16T08:49:25.003" v="3409" actId="1076"/>
          <ac:spMkLst>
            <pc:docMk/>
            <pc:sldMk cId="4162506787" sldId="854"/>
            <ac:spMk id="2" creationId="{CBA05541-6F26-5137-C4EA-01968530E295}"/>
          </ac:spMkLst>
        </pc:spChg>
        <pc:spChg chg="mod">
          <ac:chgData name="Vagnarelli, Alessio" userId="7630aed0-756e-42de-813a-0c9638cc0479" providerId="ADAL" clId="{1974E21F-B8E7-4B43-AFE1-62D0C2798FBD}" dt="2024-06-18T14:41:20.408" v="3677" actId="6549"/>
          <ac:spMkLst>
            <pc:docMk/>
            <pc:sldMk cId="4162506787" sldId="854"/>
            <ac:spMk id="3" creationId="{E017613B-6C6F-26EE-9677-33F908A3ABC7}"/>
          </ac:spMkLst>
        </pc:spChg>
        <pc:spChg chg="mod">
          <ac:chgData name="Vagnarelli, Alessio" userId="7630aed0-756e-42de-813a-0c9638cc0479" providerId="ADAL" clId="{1974E21F-B8E7-4B43-AFE1-62D0C2798FBD}" dt="2024-06-16T08:02:31.694" v="1735" actId="6549"/>
          <ac:spMkLst>
            <pc:docMk/>
            <pc:sldMk cId="4162506787" sldId="854"/>
            <ac:spMk id="5" creationId="{4D7F5A77-6F9E-5FB0-1243-927178176FCE}"/>
          </ac:spMkLst>
        </pc:spChg>
        <pc:spChg chg="mod">
          <ac:chgData name="Vagnarelli, Alessio" userId="7630aed0-756e-42de-813a-0c9638cc0479" providerId="ADAL" clId="{1974E21F-B8E7-4B43-AFE1-62D0C2798FBD}" dt="2024-06-18T10:30:38.554" v="3589" actId="20577"/>
          <ac:spMkLst>
            <pc:docMk/>
            <pc:sldMk cId="4162506787" sldId="854"/>
            <ac:spMk id="8" creationId="{AD878041-EA82-38D0-1C6C-4599DBF16239}"/>
          </ac:spMkLst>
        </pc:spChg>
      </pc:sldChg>
      <pc:sldChg chg="del delDesignElem">
        <pc:chgData name="Vagnarelli, Alessio" userId="7630aed0-756e-42de-813a-0c9638cc0479" providerId="ADAL" clId="{1974E21F-B8E7-4B43-AFE1-62D0C2798FBD}" dt="2024-06-15T16:00:17.279" v="489" actId="47"/>
        <pc:sldMkLst>
          <pc:docMk/>
          <pc:sldMk cId="2268765626" sldId="857"/>
        </pc:sldMkLst>
      </pc:sldChg>
      <pc:sldChg chg="addSp delSp modSp del mod ord modAnim">
        <pc:chgData name="Vagnarelli, Alessio" userId="7630aed0-756e-42de-813a-0c9638cc0479" providerId="ADAL" clId="{1974E21F-B8E7-4B43-AFE1-62D0C2798FBD}" dt="2024-06-18T10:41:31.846" v="3621"/>
        <pc:sldMkLst>
          <pc:docMk/>
          <pc:sldMk cId="3665489128" sldId="859"/>
        </pc:sldMkLst>
        <pc:spChg chg="del mod">
          <ac:chgData name="Vagnarelli, Alessio" userId="7630aed0-756e-42de-813a-0c9638cc0479" providerId="ADAL" clId="{1974E21F-B8E7-4B43-AFE1-62D0C2798FBD}" dt="2024-06-16T08:03:33.990" v="1742" actId="21"/>
          <ac:spMkLst>
            <pc:docMk/>
            <pc:sldMk cId="3665489128" sldId="859"/>
            <ac:spMk id="2" creationId="{840BA7DA-B26C-D300-2B89-6C4B0219CA1F}"/>
          </ac:spMkLst>
        </pc:spChg>
        <pc:spChg chg="mod">
          <ac:chgData name="Vagnarelli, Alessio" userId="7630aed0-756e-42de-813a-0c9638cc0479" providerId="ADAL" clId="{1974E21F-B8E7-4B43-AFE1-62D0C2798FBD}" dt="2024-06-16T08:11:57.318" v="2045" actId="14100"/>
          <ac:spMkLst>
            <pc:docMk/>
            <pc:sldMk cId="3665489128" sldId="859"/>
            <ac:spMk id="3" creationId="{D47DA8D0-FDEE-5792-DA8E-2211FDA74106}"/>
          </ac:spMkLst>
        </pc:spChg>
        <pc:spChg chg="add mod">
          <ac:chgData name="Vagnarelli, Alessio" userId="7630aed0-756e-42de-813a-0c9638cc0479" providerId="ADAL" clId="{1974E21F-B8E7-4B43-AFE1-62D0C2798FBD}" dt="2024-06-16T07:53:11.656" v="1492" actId="207"/>
          <ac:spMkLst>
            <pc:docMk/>
            <pc:sldMk cId="3665489128" sldId="859"/>
            <ac:spMk id="6" creationId="{C8717311-9078-73CA-BF0C-CDD68593E0EB}"/>
          </ac:spMkLst>
        </pc:spChg>
        <pc:spChg chg="add mod">
          <ac:chgData name="Vagnarelli, Alessio" userId="7630aed0-756e-42de-813a-0c9638cc0479" providerId="ADAL" clId="{1974E21F-B8E7-4B43-AFE1-62D0C2798FBD}" dt="2024-06-16T07:56:47.742" v="1625" actId="20577"/>
          <ac:spMkLst>
            <pc:docMk/>
            <pc:sldMk cId="3665489128" sldId="859"/>
            <ac:spMk id="7" creationId="{028E88B2-5872-28B4-9459-458E21AE1322}"/>
          </ac:spMkLst>
        </pc:spChg>
        <pc:spChg chg="add del mod">
          <ac:chgData name="Vagnarelli, Alessio" userId="7630aed0-756e-42de-813a-0c9638cc0479" providerId="ADAL" clId="{1974E21F-B8E7-4B43-AFE1-62D0C2798FBD}" dt="2024-06-16T08:11:46.899" v="2044" actId="21"/>
          <ac:spMkLst>
            <pc:docMk/>
            <pc:sldMk cId="3665489128" sldId="859"/>
            <ac:spMk id="8" creationId="{DBBF30D5-14DE-64D4-51A0-F84FA3EACD28}"/>
          </ac:spMkLst>
        </pc:spChg>
        <pc:spChg chg="add mod">
          <ac:chgData name="Vagnarelli, Alessio" userId="7630aed0-756e-42de-813a-0c9638cc0479" providerId="ADAL" clId="{1974E21F-B8E7-4B43-AFE1-62D0C2798FBD}" dt="2024-06-16T08:50:17.629" v="3416" actId="108"/>
          <ac:spMkLst>
            <pc:docMk/>
            <pc:sldMk cId="3665489128" sldId="859"/>
            <ac:spMk id="9" creationId="{DE3402C8-3E22-213F-9DCC-69CE313F0D1E}"/>
          </ac:spMkLst>
        </pc:spChg>
        <pc:spChg chg="add del mod">
          <ac:chgData name="Vagnarelli, Alessio" userId="7630aed0-756e-42de-813a-0c9638cc0479" providerId="ADAL" clId="{1974E21F-B8E7-4B43-AFE1-62D0C2798FBD}" dt="2024-06-16T08:03:36.942" v="1743" actId="21"/>
          <ac:spMkLst>
            <pc:docMk/>
            <pc:sldMk cId="3665489128" sldId="859"/>
            <ac:spMk id="11" creationId="{AB64892F-65BA-E4A5-806E-B42AF79AC8BE}"/>
          </ac:spMkLst>
        </pc:spChg>
        <pc:spChg chg="add del">
          <ac:chgData name="Vagnarelli, Alessio" userId="7630aed0-756e-42de-813a-0c9638cc0479" providerId="ADAL" clId="{1974E21F-B8E7-4B43-AFE1-62D0C2798FBD}" dt="2024-06-16T08:06:08.146" v="1836" actId="11529"/>
          <ac:spMkLst>
            <pc:docMk/>
            <pc:sldMk cId="3665489128" sldId="859"/>
            <ac:spMk id="12" creationId="{C10A9238-A5F9-8BC5-9ED9-61132ED3B695}"/>
          </ac:spMkLst>
        </pc:spChg>
        <pc:spChg chg="add mod">
          <ac:chgData name="Vagnarelli, Alessio" userId="7630aed0-756e-42de-813a-0c9638cc0479" providerId="ADAL" clId="{1974E21F-B8E7-4B43-AFE1-62D0C2798FBD}" dt="2024-06-17T11:08:09.955" v="3553" actId="20577"/>
          <ac:spMkLst>
            <pc:docMk/>
            <pc:sldMk cId="3665489128" sldId="859"/>
            <ac:spMk id="13" creationId="{E6A6FF54-9289-1990-BED5-EE518B462901}"/>
          </ac:spMkLst>
        </pc:spChg>
        <pc:spChg chg="add mod">
          <ac:chgData name="Vagnarelli, Alessio" userId="7630aed0-756e-42de-813a-0c9638cc0479" providerId="ADAL" clId="{1974E21F-B8E7-4B43-AFE1-62D0C2798FBD}" dt="2024-06-16T08:25:47.570" v="2135" actId="255"/>
          <ac:spMkLst>
            <pc:docMk/>
            <pc:sldMk cId="3665489128" sldId="859"/>
            <ac:spMk id="14" creationId="{7B040882-A3D5-A727-5CF7-84B33F96C532}"/>
          </ac:spMkLst>
        </pc:spChg>
        <pc:spChg chg="add mod">
          <ac:chgData name="Vagnarelli, Alessio" userId="7630aed0-756e-42de-813a-0c9638cc0479" providerId="ADAL" clId="{1974E21F-B8E7-4B43-AFE1-62D0C2798FBD}" dt="2024-06-16T08:27:21.794" v="2278" actId="14100"/>
          <ac:spMkLst>
            <pc:docMk/>
            <pc:sldMk cId="3665489128" sldId="859"/>
            <ac:spMk id="15" creationId="{F2E06043-EA12-6CE4-FC38-016AE3877749}"/>
          </ac:spMkLst>
        </pc:spChg>
        <pc:spChg chg="add mod">
          <ac:chgData name="Vagnarelli, Alessio" userId="7630aed0-756e-42de-813a-0c9638cc0479" providerId="ADAL" clId="{1974E21F-B8E7-4B43-AFE1-62D0C2798FBD}" dt="2024-06-16T08:26:08.530" v="2139" actId="14100"/>
          <ac:spMkLst>
            <pc:docMk/>
            <pc:sldMk cId="3665489128" sldId="859"/>
            <ac:spMk id="16" creationId="{96349AA1-0E3A-7B41-C6B1-A31FACA8DF1C}"/>
          </ac:spMkLst>
        </pc:spChg>
        <pc:spChg chg="add del mod">
          <ac:chgData name="Vagnarelli, Alessio" userId="7630aed0-756e-42de-813a-0c9638cc0479" providerId="ADAL" clId="{1974E21F-B8E7-4B43-AFE1-62D0C2798FBD}" dt="2024-06-16T08:20:30.059" v="2132" actId="21"/>
          <ac:spMkLst>
            <pc:docMk/>
            <pc:sldMk cId="3665489128" sldId="859"/>
            <ac:spMk id="17" creationId="{21B47D5E-CB0B-BCF2-0890-C3C16EF230D7}"/>
          </ac:spMkLst>
        </pc:spChg>
        <pc:grpChg chg="add del mod">
          <ac:chgData name="Vagnarelli, Alessio" userId="7630aed0-756e-42de-813a-0c9638cc0479" providerId="ADAL" clId="{1974E21F-B8E7-4B43-AFE1-62D0C2798FBD}" dt="2024-06-16T08:11:43.950" v="2043" actId="21"/>
          <ac:grpSpMkLst>
            <pc:docMk/>
            <pc:sldMk cId="3665489128" sldId="859"/>
            <ac:grpSpMk id="5" creationId="{F627C3D1-13DF-55C2-64BC-55A12FF0F212}"/>
          </ac:grpSpMkLst>
        </pc:grpChg>
        <pc:graphicFrameChg chg="del mod">
          <ac:chgData name="Vagnarelli, Alessio" userId="7630aed0-756e-42de-813a-0c9638cc0479" providerId="ADAL" clId="{1974E21F-B8E7-4B43-AFE1-62D0C2798FBD}" dt="2024-06-16T08:11:41.356" v="2042" actId="21"/>
          <ac:graphicFrameMkLst>
            <pc:docMk/>
            <pc:sldMk cId="3665489128" sldId="859"/>
            <ac:graphicFrameMk id="4" creationId="{F1A93A69-4F50-5512-3C92-0BED9A1A7633}"/>
          </ac:graphicFrameMkLst>
        </pc:graphicFrameChg>
      </pc:sldChg>
      <pc:sldChg chg="modSp add del mod modAnim">
        <pc:chgData name="Vagnarelli, Alessio" userId="7630aed0-756e-42de-813a-0c9638cc0479" providerId="ADAL" clId="{1974E21F-B8E7-4B43-AFE1-62D0C2798FBD}" dt="2024-06-18T14:01:01.792" v="3633" actId="20577"/>
        <pc:sldMkLst>
          <pc:docMk/>
          <pc:sldMk cId="185494494" sldId="860"/>
        </pc:sldMkLst>
        <pc:spChg chg="mod">
          <ac:chgData name="Vagnarelli, Alessio" userId="7630aed0-756e-42de-813a-0c9638cc0479" providerId="ADAL" clId="{1974E21F-B8E7-4B43-AFE1-62D0C2798FBD}" dt="2024-06-15T17:29:32.190" v="1379" actId="1076"/>
          <ac:spMkLst>
            <pc:docMk/>
            <pc:sldMk cId="185494494" sldId="860"/>
            <ac:spMk id="2" creationId="{840BA7DA-B26C-D300-2B89-6C4B0219CA1F}"/>
          </ac:spMkLst>
        </pc:spChg>
        <pc:spChg chg="mod">
          <ac:chgData name="Vagnarelli, Alessio" userId="7630aed0-756e-42de-813a-0c9638cc0479" providerId="ADAL" clId="{1974E21F-B8E7-4B43-AFE1-62D0C2798FBD}" dt="2024-06-15T15:34:51.772" v="352" actId="6549"/>
          <ac:spMkLst>
            <pc:docMk/>
            <pc:sldMk cId="185494494" sldId="860"/>
            <ac:spMk id="6" creationId="{FF713882-7957-4BE5-7015-4AD0FC27D419}"/>
          </ac:spMkLst>
        </pc:spChg>
        <pc:spChg chg="mod">
          <ac:chgData name="Vagnarelli, Alessio" userId="7630aed0-756e-42de-813a-0c9638cc0479" providerId="ADAL" clId="{1974E21F-B8E7-4B43-AFE1-62D0C2798FBD}" dt="2024-06-18T14:01:01.792" v="3633" actId="20577"/>
          <ac:spMkLst>
            <pc:docMk/>
            <pc:sldMk cId="185494494" sldId="860"/>
            <ac:spMk id="8" creationId="{7D23DC7D-F255-5FF0-D037-4BB7E397D4B9}"/>
          </ac:spMkLst>
        </pc:spChg>
      </pc:sldChg>
      <pc:sldChg chg="del">
        <pc:chgData name="Vagnarelli, Alessio" userId="7630aed0-756e-42de-813a-0c9638cc0479" providerId="ADAL" clId="{1974E21F-B8E7-4B43-AFE1-62D0C2798FBD}" dt="2024-06-15T15:45:26.154" v="454" actId="47"/>
        <pc:sldMkLst>
          <pc:docMk/>
          <pc:sldMk cId="836062187" sldId="861"/>
        </pc:sldMkLst>
      </pc:sldChg>
      <pc:sldChg chg="addSp delSp modSp del mod ord">
        <pc:chgData name="Vagnarelli, Alessio" userId="7630aed0-756e-42de-813a-0c9638cc0479" providerId="ADAL" clId="{1974E21F-B8E7-4B43-AFE1-62D0C2798FBD}" dt="2024-06-15T16:02:15.592" v="495" actId="47"/>
        <pc:sldMkLst>
          <pc:docMk/>
          <pc:sldMk cId="985506286" sldId="862"/>
        </pc:sldMkLst>
        <pc:spChg chg="mod">
          <ac:chgData name="Vagnarelli, Alessio" userId="7630aed0-756e-42de-813a-0c9638cc0479" providerId="ADAL" clId="{1974E21F-B8E7-4B43-AFE1-62D0C2798FBD}" dt="2024-06-15T15:46:45.341" v="473" actId="20577"/>
          <ac:spMkLst>
            <pc:docMk/>
            <pc:sldMk cId="985506286" sldId="862"/>
            <ac:spMk id="2" creationId="{840BA7DA-B26C-D300-2B89-6C4B0219CA1F}"/>
          </ac:spMkLst>
        </pc:spChg>
        <pc:spChg chg="del">
          <ac:chgData name="Vagnarelli, Alessio" userId="7630aed0-756e-42de-813a-0c9638cc0479" providerId="ADAL" clId="{1974E21F-B8E7-4B43-AFE1-62D0C2798FBD}" dt="2024-06-15T15:46:06.419" v="456" actId="21"/>
          <ac:spMkLst>
            <pc:docMk/>
            <pc:sldMk cId="985506286" sldId="862"/>
            <ac:spMk id="3" creationId="{DCCB8E3D-4EA9-D5A6-BE21-5FC0BA120C03}"/>
          </ac:spMkLst>
        </pc:spChg>
        <pc:spChg chg="add mod">
          <ac:chgData name="Vagnarelli, Alessio" userId="7630aed0-756e-42de-813a-0c9638cc0479" providerId="ADAL" clId="{1974E21F-B8E7-4B43-AFE1-62D0C2798FBD}" dt="2024-06-15T15:48:15.686" v="481" actId="6549"/>
          <ac:spMkLst>
            <pc:docMk/>
            <pc:sldMk cId="985506286" sldId="862"/>
            <ac:spMk id="4" creationId="{BD5EBF5E-2FD5-40CC-A47A-9A8E203FFF76}"/>
          </ac:spMkLst>
        </pc:spChg>
        <pc:spChg chg="mod">
          <ac:chgData name="Vagnarelli, Alessio" userId="7630aed0-756e-42de-813a-0c9638cc0479" providerId="ADAL" clId="{1974E21F-B8E7-4B43-AFE1-62D0C2798FBD}" dt="2024-06-15T15:48:06.014" v="480" actId="113"/>
          <ac:spMkLst>
            <pc:docMk/>
            <pc:sldMk cId="985506286" sldId="862"/>
            <ac:spMk id="5" creationId="{22D75C25-D3B4-7BB2-8D93-4B73B3CE6688}"/>
          </ac:spMkLst>
        </pc:spChg>
        <pc:spChg chg="add mod">
          <ac:chgData name="Vagnarelli, Alessio" userId="7630aed0-756e-42de-813a-0c9638cc0479" providerId="ADAL" clId="{1974E21F-B8E7-4B43-AFE1-62D0C2798FBD}" dt="2024-06-15T15:48:20.995" v="482" actId="1076"/>
          <ac:spMkLst>
            <pc:docMk/>
            <pc:sldMk cId="985506286" sldId="862"/>
            <ac:spMk id="6" creationId="{A8F792D2-27CB-D789-10B0-EC105F97C329}"/>
          </ac:spMkLst>
        </pc:spChg>
        <pc:spChg chg="del">
          <ac:chgData name="Vagnarelli, Alessio" userId="7630aed0-756e-42de-813a-0c9638cc0479" providerId="ADAL" clId="{1974E21F-B8E7-4B43-AFE1-62D0C2798FBD}" dt="2024-06-15T15:46:03.232" v="455" actId="21"/>
          <ac:spMkLst>
            <pc:docMk/>
            <pc:sldMk cId="985506286" sldId="862"/>
            <ac:spMk id="8" creationId="{7D23DC7D-F255-5FF0-D037-4BB7E397D4B9}"/>
          </ac:spMkLst>
        </pc:spChg>
      </pc:sldChg>
      <pc:sldChg chg="del">
        <pc:chgData name="Vagnarelli, Alessio" userId="7630aed0-756e-42de-813a-0c9638cc0479" providerId="ADAL" clId="{1974E21F-B8E7-4B43-AFE1-62D0C2798FBD}" dt="2024-06-15T15:48:41.526" v="483" actId="47"/>
        <pc:sldMkLst>
          <pc:docMk/>
          <pc:sldMk cId="3521067978" sldId="863"/>
        </pc:sldMkLst>
      </pc:sldChg>
      <pc:sldChg chg="del">
        <pc:chgData name="Vagnarelli, Alessio" userId="7630aed0-756e-42de-813a-0c9638cc0479" providerId="ADAL" clId="{1974E21F-B8E7-4B43-AFE1-62D0C2798FBD}" dt="2024-06-15T15:49:33.848" v="484" actId="47"/>
        <pc:sldMkLst>
          <pc:docMk/>
          <pc:sldMk cId="2413839070" sldId="864"/>
        </pc:sldMkLst>
      </pc:sldChg>
      <pc:sldChg chg="modSp del mod">
        <pc:chgData name="Vagnarelli, Alessio" userId="7630aed0-756e-42de-813a-0c9638cc0479" providerId="ADAL" clId="{1974E21F-B8E7-4B43-AFE1-62D0C2798FBD}" dt="2024-06-15T15:52:23.308" v="486" actId="47"/>
        <pc:sldMkLst>
          <pc:docMk/>
          <pc:sldMk cId="487555737" sldId="865"/>
        </pc:sldMkLst>
        <pc:spChg chg="mod">
          <ac:chgData name="Vagnarelli, Alessio" userId="7630aed0-756e-42de-813a-0c9638cc0479" providerId="ADAL" clId="{1974E21F-B8E7-4B43-AFE1-62D0C2798FBD}" dt="2024-06-15T15:52:17.300" v="485"/>
          <ac:spMkLst>
            <pc:docMk/>
            <pc:sldMk cId="487555737" sldId="865"/>
            <ac:spMk id="2" creationId="{840BA7DA-B26C-D300-2B89-6C4B0219CA1F}"/>
          </ac:spMkLst>
        </pc:spChg>
      </pc:sldChg>
      <pc:sldChg chg="del">
        <pc:chgData name="Vagnarelli, Alessio" userId="7630aed0-756e-42de-813a-0c9638cc0479" providerId="ADAL" clId="{1974E21F-B8E7-4B43-AFE1-62D0C2798FBD}" dt="2024-06-15T15:53:39.959" v="488" actId="47"/>
        <pc:sldMkLst>
          <pc:docMk/>
          <pc:sldMk cId="4079108703" sldId="867"/>
        </pc:sldMkLst>
      </pc:sldChg>
      <pc:sldChg chg="del">
        <pc:chgData name="Vagnarelli, Alessio" userId="7630aed0-756e-42de-813a-0c9638cc0479" providerId="ADAL" clId="{1974E21F-B8E7-4B43-AFE1-62D0C2798FBD}" dt="2024-06-15T15:52:46.547" v="487" actId="47"/>
        <pc:sldMkLst>
          <pc:docMk/>
          <pc:sldMk cId="2642699312" sldId="868"/>
        </pc:sldMkLst>
      </pc:sldChg>
      <pc:sldChg chg="addSp delSp modSp add del mod modAnim">
        <pc:chgData name="Vagnarelli, Alessio" userId="7630aed0-756e-42de-813a-0c9638cc0479" providerId="ADAL" clId="{1974E21F-B8E7-4B43-AFE1-62D0C2798FBD}" dt="2024-06-18T14:35:07.986" v="3647" actId="13926"/>
        <pc:sldMkLst>
          <pc:docMk/>
          <pc:sldMk cId="491936847" sldId="869"/>
        </pc:sldMkLst>
        <pc:spChg chg="mod">
          <ac:chgData name="Vagnarelli, Alessio" userId="7630aed0-756e-42de-813a-0c9638cc0479" providerId="ADAL" clId="{1974E21F-B8E7-4B43-AFE1-62D0C2798FBD}" dt="2024-06-15T17:30:14.072" v="1384" actId="1076"/>
          <ac:spMkLst>
            <pc:docMk/>
            <pc:sldMk cId="491936847" sldId="869"/>
            <ac:spMk id="2" creationId="{840BA7DA-B26C-D300-2B89-6C4B0219CA1F}"/>
          </ac:spMkLst>
        </pc:spChg>
        <pc:spChg chg="del mod">
          <ac:chgData name="Vagnarelli, Alessio" userId="7630aed0-756e-42de-813a-0c9638cc0479" providerId="ADAL" clId="{1974E21F-B8E7-4B43-AFE1-62D0C2798FBD}" dt="2024-06-15T15:00:25.589" v="278" actId="21"/>
          <ac:spMkLst>
            <pc:docMk/>
            <pc:sldMk cId="491936847" sldId="869"/>
            <ac:spMk id="3" creationId="{96F0674A-AA01-A453-155A-D91706E50D31}"/>
          </ac:spMkLst>
        </pc:spChg>
        <pc:spChg chg="add mod">
          <ac:chgData name="Vagnarelli, Alessio" userId="7630aed0-756e-42de-813a-0c9638cc0479" providerId="ADAL" clId="{1974E21F-B8E7-4B43-AFE1-62D0C2798FBD}" dt="2024-06-15T15:35:07.451" v="355" actId="115"/>
          <ac:spMkLst>
            <pc:docMk/>
            <pc:sldMk cId="491936847" sldId="869"/>
            <ac:spMk id="4" creationId="{A6022AAD-5A63-A6A2-27EE-CFA8E33DCA52}"/>
          </ac:spMkLst>
        </pc:spChg>
        <pc:spChg chg="add mod">
          <ac:chgData name="Vagnarelli, Alessio" userId="7630aed0-756e-42de-813a-0c9638cc0479" providerId="ADAL" clId="{1974E21F-B8E7-4B43-AFE1-62D0C2798FBD}" dt="2024-06-18T14:35:07.986" v="3647" actId="13926"/>
          <ac:spMkLst>
            <pc:docMk/>
            <pc:sldMk cId="491936847" sldId="869"/>
            <ac:spMk id="5" creationId="{1BF790E1-83E6-85ED-FA4D-BEBCB1832DBE}"/>
          </ac:spMkLst>
        </pc:spChg>
      </pc:sldChg>
      <pc:sldChg chg="del">
        <pc:chgData name="Vagnarelli, Alessio" userId="7630aed0-756e-42de-813a-0c9638cc0479" providerId="ADAL" clId="{1974E21F-B8E7-4B43-AFE1-62D0C2798FBD}" dt="2024-06-15T14:56:01.891" v="234" actId="47"/>
        <pc:sldMkLst>
          <pc:docMk/>
          <pc:sldMk cId="3601768339" sldId="870"/>
        </pc:sldMkLst>
      </pc:sldChg>
      <pc:sldChg chg="del">
        <pc:chgData name="Vagnarelli, Alessio" userId="7630aed0-756e-42de-813a-0c9638cc0479" providerId="ADAL" clId="{1974E21F-B8E7-4B43-AFE1-62D0C2798FBD}" dt="2024-06-15T16:01:06.424" v="490" actId="47"/>
        <pc:sldMkLst>
          <pc:docMk/>
          <pc:sldMk cId="1717892082" sldId="872"/>
        </pc:sldMkLst>
      </pc:sldChg>
      <pc:sldChg chg="del">
        <pc:chgData name="Vagnarelli, Alessio" userId="7630aed0-756e-42de-813a-0c9638cc0479" providerId="ADAL" clId="{1974E21F-B8E7-4B43-AFE1-62D0C2798FBD}" dt="2024-06-15T16:01:44.019" v="492" actId="47"/>
        <pc:sldMkLst>
          <pc:docMk/>
          <pc:sldMk cId="1786797047" sldId="874"/>
        </pc:sldMkLst>
      </pc:sldChg>
      <pc:sldChg chg="del">
        <pc:chgData name="Vagnarelli, Alessio" userId="7630aed0-756e-42de-813a-0c9638cc0479" providerId="ADAL" clId="{1974E21F-B8E7-4B43-AFE1-62D0C2798FBD}" dt="2024-06-15T16:01:29.131" v="491" actId="47"/>
        <pc:sldMkLst>
          <pc:docMk/>
          <pc:sldMk cId="3562195657" sldId="875"/>
        </pc:sldMkLst>
      </pc:sldChg>
      <pc:sldChg chg="delSp add del mod">
        <pc:chgData name="Vagnarelli, Alessio" userId="7630aed0-756e-42de-813a-0c9638cc0479" providerId="ADAL" clId="{1974E21F-B8E7-4B43-AFE1-62D0C2798FBD}" dt="2024-06-15T15:43:20.732" v="436" actId="47"/>
        <pc:sldMkLst>
          <pc:docMk/>
          <pc:sldMk cId="2094641581" sldId="876"/>
        </pc:sldMkLst>
        <pc:spChg chg="del">
          <ac:chgData name="Vagnarelli, Alessio" userId="7630aed0-756e-42de-813a-0c9638cc0479" providerId="ADAL" clId="{1974E21F-B8E7-4B43-AFE1-62D0C2798FBD}" dt="2024-06-15T14:49:25.338" v="14" actId="21"/>
          <ac:spMkLst>
            <pc:docMk/>
            <pc:sldMk cId="2094641581" sldId="876"/>
            <ac:spMk id="9" creationId="{2A8E5FFF-E1BB-6F98-978D-0E9437125265}"/>
          </ac:spMkLst>
        </pc:spChg>
      </pc:sldChg>
      <pc:sldChg chg="addSp delSp modSp add del mod modAnim">
        <pc:chgData name="Vagnarelli, Alessio" userId="7630aed0-756e-42de-813a-0c9638cc0479" providerId="ADAL" clId="{1974E21F-B8E7-4B43-AFE1-62D0C2798FBD}" dt="2024-06-18T10:40:19.231" v="3602"/>
        <pc:sldMkLst>
          <pc:docMk/>
          <pc:sldMk cId="3194756681" sldId="877"/>
        </pc:sldMkLst>
        <pc:spChg chg="mod">
          <ac:chgData name="Vagnarelli, Alessio" userId="7630aed0-756e-42de-813a-0c9638cc0479" providerId="ADAL" clId="{1974E21F-B8E7-4B43-AFE1-62D0C2798FBD}" dt="2024-06-15T17:31:23.340" v="1390" actId="27636"/>
          <ac:spMkLst>
            <pc:docMk/>
            <pc:sldMk cId="3194756681" sldId="877"/>
            <ac:spMk id="2" creationId="{840BA7DA-B26C-D300-2B89-6C4B0219CA1F}"/>
          </ac:spMkLst>
        </pc:spChg>
        <pc:spChg chg="mod">
          <ac:chgData name="Vagnarelli, Alessio" userId="7630aed0-756e-42de-813a-0c9638cc0479" providerId="ADAL" clId="{1974E21F-B8E7-4B43-AFE1-62D0C2798FBD}" dt="2024-06-15T15:03:30.037" v="301" actId="113"/>
          <ac:spMkLst>
            <pc:docMk/>
            <pc:sldMk cId="3194756681" sldId="877"/>
            <ac:spMk id="3" creationId="{96F0674A-AA01-A453-155A-D91706E50D31}"/>
          </ac:spMkLst>
        </pc:spChg>
        <pc:spChg chg="del">
          <ac:chgData name="Vagnarelli, Alessio" userId="7630aed0-756e-42de-813a-0c9638cc0479" providerId="ADAL" clId="{1974E21F-B8E7-4B43-AFE1-62D0C2798FBD}" dt="2024-06-15T14:58:22.689" v="269" actId="21"/>
          <ac:spMkLst>
            <pc:docMk/>
            <pc:sldMk cId="3194756681" sldId="877"/>
            <ac:spMk id="4" creationId="{A6022AAD-5A63-A6A2-27EE-CFA8E33DCA52}"/>
          </ac:spMkLst>
        </pc:spChg>
        <pc:spChg chg="add mod">
          <ac:chgData name="Vagnarelli, Alessio" userId="7630aed0-756e-42de-813a-0c9638cc0479" providerId="ADAL" clId="{1974E21F-B8E7-4B43-AFE1-62D0C2798FBD}" dt="2024-06-15T15:14:42.772" v="311" actId="115"/>
          <ac:spMkLst>
            <pc:docMk/>
            <pc:sldMk cId="3194756681" sldId="877"/>
            <ac:spMk id="5" creationId="{F172F527-960C-0502-7806-1A85A5E46629}"/>
          </ac:spMkLst>
        </pc:spChg>
        <pc:spChg chg="add mod">
          <ac:chgData name="Vagnarelli, Alessio" userId="7630aed0-756e-42de-813a-0c9638cc0479" providerId="ADAL" clId="{1974E21F-B8E7-4B43-AFE1-62D0C2798FBD}" dt="2024-06-15T15:15:09.712" v="314" actId="115"/>
          <ac:spMkLst>
            <pc:docMk/>
            <pc:sldMk cId="3194756681" sldId="877"/>
            <ac:spMk id="6" creationId="{1EF1F518-6028-0426-7D36-64759EFD314F}"/>
          </ac:spMkLst>
        </pc:spChg>
        <pc:spChg chg="add del mod">
          <ac:chgData name="Vagnarelli, Alessio" userId="7630aed0-756e-42de-813a-0c9638cc0479" providerId="ADAL" clId="{1974E21F-B8E7-4B43-AFE1-62D0C2798FBD}" dt="2024-06-15T15:14:46.676" v="312" actId="21"/>
          <ac:spMkLst>
            <pc:docMk/>
            <pc:sldMk cId="3194756681" sldId="877"/>
            <ac:spMk id="7" creationId="{839534DE-CCC9-B0D6-2041-42840BEC6F8A}"/>
          </ac:spMkLst>
        </pc:spChg>
      </pc:sldChg>
      <pc:sldChg chg="addSp delSp modSp add del mod modAnim">
        <pc:chgData name="Vagnarelli, Alessio" userId="7630aed0-756e-42de-813a-0c9638cc0479" providerId="ADAL" clId="{1974E21F-B8E7-4B43-AFE1-62D0C2798FBD}" dt="2024-06-18T14:37:36.335" v="3650" actId="13926"/>
        <pc:sldMkLst>
          <pc:docMk/>
          <pc:sldMk cId="3228397563" sldId="878"/>
        </pc:sldMkLst>
        <pc:spChg chg="mod">
          <ac:chgData name="Vagnarelli, Alessio" userId="7630aed0-756e-42de-813a-0c9638cc0479" providerId="ADAL" clId="{1974E21F-B8E7-4B43-AFE1-62D0C2798FBD}" dt="2024-06-15T17:31:28.181" v="1392" actId="27636"/>
          <ac:spMkLst>
            <pc:docMk/>
            <pc:sldMk cId="3228397563" sldId="878"/>
            <ac:spMk id="2" creationId="{840BA7DA-B26C-D300-2B89-6C4B0219CA1F}"/>
          </ac:spMkLst>
        </pc:spChg>
        <pc:spChg chg="mod">
          <ac:chgData name="Vagnarelli, Alessio" userId="7630aed0-756e-42de-813a-0c9638cc0479" providerId="ADAL" clId="{1974E21F-B8E7-4B43-AFE1-62D0C2798FBD}" dt="2024-06-18T14:36:49.212" v="3649" actId="13926"/>
          <ac:spMkLst>
            <pc:docMk/>
            <pc:sldMk cId="3228397563" sldId="878"/>
            <ac:spMk id="3" creationId="{96F0674A-AA01-A453-155A-D91706E50D31}"/>
          </ac:spMkLst>
        </pc:spChg>
        <pc:spChg chg="del mod">
          <ac:chgData name="Vagnarelli, Alessio" userId="7630aed0-756e-42de-813a-0c9638cc0479" providerId="ADAL" clId="{1974E21F-B8E7-4B43-AFE1-62D0C2798FBD}" dt="2024-06-15T15:19:41.741" v="338" actId="21"/>
          <ac:spMkLst>
            <pc:docMk/>
            <pc:sldMk cId="3228397563" sldId="878"/>
            <ac:spMk id="5" creationId="{F172F527-960C-0502-7806-1A85A5E46629}"/>
          </ac:spMkLst>
        </pc:spChg>
        <pc:spChg chg="mod">
          <ac:chgData name="Vagnarelli, Alessio" userId="7630aed0-756e-42de-813a-0c9638cc0479" providerId="ADAL" clId="{1974E21F-B8E7-4B43-AFE1-62D0C2798FBD}" dt="2024-06-18T14:37:36.335" v="3650" actId="13926"/>
          <ac:spMkLst>
            <pc:docMk/>
            <pc:sldMk cId="3228397563" sldId="878"/>
            <ac:spMk id="6" creationId="{1EF1F518-6028-0426-7D36-64759EFD314F}"/>
          </ac:spMkLst>
        </pc:spChg>
        <pc:spChg chg="add del">
          <ac:chgData name="Vagnarelli, Alessio" userId="7630aed0-756e-42de-813a-0c9638cc0479" providerId="ADAL" clId="{1974E21F-B8E7-4B43-AFE1-62D0C2798FBD}" dt="2024-06-15T15:38:50.205" v="367" actId="22"/>
          <ac:spMkLst>
            <pc:docMk/>
            <pc:sldMk cId="3228397563" sldId="878"/>
            <ac:spMk id="7" creationId="{C95F60CF-BD2D-1CF9-F5B9-5453A1DDC270}"/>
          </ac:spMkLst>
        </pc:spChg>
        <pc:spChg chg="add mod">
          <ac:chgData name="Vagnarelli, Alessio" userId="7630aed0-756e-42de-813a-0c9638cc0479" providerId="ADAL" clId="{1974E21F-B8E7-4B43-AFE1-62D0C2798FBD}" dt="2024-06-15T15:39:33.603" v="374" actId="1076"/>
          <ac:spMkLst>
            <pc:docMk/>
            <pc:sldMk cId="3228397563" sldId="878"/>
            <ac:spMk id="8" creationId="{C12DB965-3EA5-0888-03B0-35C030443B7E}"/>
          </ac:spMkLst>
        </pc:spChg>
      </pc:sldChg>
      <pc:sldChg chg="add del">
        <pc:chgData name="Vagnarelli, Alessio" userId="7630aed0-756e-42de-813a-0c9638cc0479" providerId="ADAL" clId="{1974E21F-B8E7-4B43-AFE1-62D0C2798FBD}" dt="2024-06-15T15:38:25.688" v="365" actId="47"/>
        <pc:sldMkLst>
          <pc:docMk/>
          <pc:sldMk cId="1742104769" sldId="879"/>
        </pc:sldMkLst>
      </pc:sldChg>
      <pc:sldChg chg="addSp delSp modSp add del mod modAnim">
        <pc:chgData name="Vagnarelli, Alessio" userId="7630aed0-756e-42de-813a-0c9638cc0479" providerId="ADAL" clId="{1974E21F-B8E7-4B43-AFE1-62D0C2798FBD}" dt="2024-06-18T14:38:33.589" v="3651" actId="13926"/>
        <pc:sldMkLst>
          <pc:docMk/>
          <pc:sldMk cId="3139005852" sldId="880"/>
        </pc:sldMkLst>
        <pc:spChg chg="mod">
          <ac:chgData name="Vagnarelli, Alessio" userId="7630aed0-756e-42de-813a-0c9638cc0479" providerId="ADAL" clId="{1974E21F-B8E7-4B43-AFE1-62D0C2798FBD}" dt="2024-06-15T15:40:15.332" v="380" actId="6549"/>
          <ac:spMkLst>
            <pc:docMk/>
            <pc:sldMk cId="3139005852" sldId="880"/>
            <ac:spMk id="3" creationId="{96F0674A-AA01-A453-155A-D91706E50D31}"/>
          </ac:spMkLst>
        </pc:spChg>
        <pc:spChg chg="add mod">
          <ac:chgData name="Vagnarelli, Alessio" userId="7630aed0-756e-42de-813a-0c9638cc0479" providerId="ADAL" clId="{1974E21F-B8E7-4B43-AFE1-62D0C2798FBD}" dt="2024-06-18T14:38:33.589" v="3651" actId="13926"/>
          <ac:spMkLst>
            <pc:docMk/>
            <pc:sldMk cId="3139005852" sldId="880"/>
            <ac:spMk id="4" creationId="{E949126B-0246-E35C-9E02-304AFB6A5BEF}"/>
          </ac:spMkLst>
        </pc:spChg>
        <pc:spChg chg="del">
          <ac:chgData name="Vagnarelli, Alessio" userId="7630aed0-756e-42de-813a-0c9638cc0479" providerId="ADAL" clId="{1974E21F-B8E7-4B43-AFE1-62D0C2798FBD}" dt="2024-06-15T15:21:09.958" v="345" actId="21"/>
          <ac:spMkLst>
            <pc:docMk/>
            <pc:sldMk cId="3139005852" sldId="880"/>
            <ac:spMk id="6" creationId="{1EF1F518-6028-0426-7D36-64759EFD314F}"/>
          </ac:spMkLst>
        </pc:spChg>
      </pc:sldChg>
      <pc:sldChg chg="addSp delSp modSp add mod modAnim">
        <pc:chgData name="Vagnarelli, Alessio" userId="7630aed0-756e-42de-813a-0c9638cc0479" providerId="ADAL" clId="{1974E21F-B8E7-4B43-AFE1-62D0C2798FBD}" dt="2024-06-18T14:38:56.089" v="3669" actId="20577"/>
        <pc:sldMkLst>
          <pc:docMk/>
          <pc:sldMk cId="3277841619" sldId="881"/>
        </pc:sldMkLst>
        <pc:spChg chg="mod">
          <ac:chgData name="Vagnarelli, Alessio" userId="7630aed0-756e-42de-813a-0c9638cc0479" providerId="ADAL" clId="{1974E21F-B8E7-4B43-AFE1-62D0C2798FBD}" dt="2024-06-15T16:12:39.775" v="528" actId="20577"/>
          <ac:spMkLst>
            <pc:docMk/>
            <pc:sldMk cId="3277841619" sldId="881"/>
            <ac:spMk id="2" creationId="{840BA7DA-B26C-D300-2B89-6C4B0219CA1F}"/>
          </ac:spMkLst>
        </pc:spChg>
        <pc:spChg chg="mod">
          <ac:chgData name="Vagnarelli, Alessio" userId="7630aed0-756e-42de-813a-0c9638cc0479" providerId="ADAL" clId="{1974E21F-B8E7-4B43-AFE1-62D0C2798FBD}" dt="2024-06-15T17:11:58.060" v="1109" actId="114"/>
          <ac:spMkLst>
            <pc:docMk/>
            <pc:sldMk cId="3277841619" sldId="881"/>
            <ac:spMk id="3" creationId="{96F0674A-AA01-A453-155A-D91706E50D31}"/>
          </ac:spMkLst>
        </pc:spChg>
        <pc:spChg chg="del">
          <ac:chgData name="Vagnarelli, Alessio" userId="7630aed0-756e-42de-813a-0c9638cc0479" providerId="ADAL" clId="{1974E21F-B8E7-4B43-AFE1-62D0C2798FBD}" dt="2024-06-15T16:12:43.099" v="529" actId="21"/>
          <ac:spMkLst>
            <pc:docMk/>
            <pc:sldMk cId="3277841619" sldId="881"/>
            <ac:spMk id="4" creationId="{E949126B-0246-E35C-9E02-304AFB6A5BEF}"/>
          </ac:spMkLst>
        </pc:spChg>
        <pc:spChg chg="add mod">
          <ac:chgData name="Vagnarelli, Alessio" userId="7630aed0-756e-42de-813a-0c9638cc0479" providerId="ADAL" clId="{1974E21F-B8E7-4B43-AFE1-62D0C2798FBD}" dt="2024-06-15T16:32:31.383" v="981" actId="6549"/>
          <ac:spMkLst>
            <pc:docMk/>
            <pc:sldMk cId="3277841619" sldId="881"/>
            <ac:spMk id="5" creationId="{1E20756D-87C9-75E0-217E-A99AFDBC4ADF}"/>
          </ac:spMkLst>
        </pc:spChg>
        <pc:spChg chg="add mod">
          <ac:chgData name="Vagnarelli, Alessio" userId="7630aed0-756e-42de-813a-0c9638cc0479" providerId="ADAL" clId="{1974E21F-B8E7-4B43-AFE1-62D0C2798FBD}" dt="2024-06-15T16:25:04.480" v="958" actId="114"/>
          <ac:spMkLst>
            <pc:docMk/>
            <pc:sldMk cId="3277841619" sldId="881"/>
            <ac:spMk id="6" creationId="{F7D1BC7D-A73B-CFC7-6EC7-7D8FCB127805}"/>
          </ac:spMkLst>
        </pc:spChg>
        <pc:spChg chg="add mod">
          <ac:chgData name="Vagnarelli, Alessio" userId="7630aed0-756e-42de-813a-0c9638cc0479" providerId="ADAL" clId="{1974E21F-B8E7-4B43-AFE1-62D0C2798FBD}" dt="2024-06-15T16:25:21.093" v="962" actId="6549"/>
          <ac:spMkLst>
            <pc:docMk/>
            <pc:sldMk cId="3277841619" sldId="881"/>
            <ac:spMk id="7" creationId="{1ABBEF51-76C2-A13A-90B5-F14D2C9EF5B5}"/>
          </ac:spMkLst>
        </pc:spChg>
        <pc:spChg chg="add mod">
          <ac:chgData name="Vagnarelli, Alessio" userId="7630aed0-756e-42de-813a-0c9638cc0479" providerId="ADAL" clId="{1974E21F-B8E7-4B43-AFE1-62D0C2798FBD}" dt="2024-06-18T14:38:56.089" v="3669" actId="20577"/>
          <ac:spMkLst>
            <pc:docMk/>
            <pc:sldMk cId="3277841619" sldId="881"/>
            <ac:spMk id="8" creationId="{C7C4EE0A-867D-FA2A-F600-B0EFF6772A2D}"/>
          </ac:spMkLst>
        </pc:spChg>
      </pc:sldChg>
      <pc:sldChg chg="delSp modSp add del mod ord">
        <pc:chgData name="Vagnarelli, Alessio" userId="7630aed0-756e-42de-813a-0c9638cc0479" providerId="ADAL" clId="{1974E21F-B8E7-4B43-AFE1-62D0C2798FBD}" dt="2024-06-15T16:24:00.710" v="940" actId="47"/>
        <pc:sldMkLst>
          <pc:docMk/>
          <pc:sldMk cId="1273141723" sldId="882"/>
        </pc:sldMkLst>
        <pc:spChg chg="mod">
          <ac:chgData name="Vagnarelli, Alessio" userId="7630aed0-756e-42de-813a-0c9638cc0479" providerId="ADAL" clId="{1974E21F-B8E7-4B43-AFE1-62D0C2798FBD}" dt="2024-06-15T16:21:35.332" v="936" actId="20577"/>
          <ac:spMkLst>
            <pc:docMk/>
            <pc:sldMk cId="1273141723" sldId="882"/>
            <ac:spMk id="2" creationId="{840BA7DA-B26C-D300-2B89-6C4B0219CA1F}"/>
          </ac:spMkLst>
        </pc:spChg>
        <pc:spChg chg="del">
          <ac:chgData name="Vagnarelli, Alessio" userId="7630aed0-756e-42de-813a-0c9638cc0479" providerId="ADAL" clId="{1974E21F-B8E7-4B43-AFE1-62D0C2798FBD}" dt="2024-06-15T16:21:40.601" v="937" actId="21"/>
          <ac:spMkLst>
            <pc:docMk/>
            <pc:sldMk cId="1273141723" sldId="882"/>
            <ac:spMk id="5" creationId="{1E20756D-87C9-75E0-217E-A99AFDBC4ADF}"/>
          </ac:spMkLst>
        </pc:spChg>
        <pc:spChg chg="del">
          <ac:chgData name="Vagnarelli, Alessio" userId="7630aed0-756e-42de-813a-0c9638cc0479" providerId="ADAL" clId="{1974E21F-B8E7-4B43-AFE1-62D0C2798FBD}" dt="2024-06-15T16:21:42.865" v="938" actId="21"/>
          <ac:spMkLst>
            <pc:docMk/>
            <pc:sldMk cId="1273141723" sldId="882"/>
            <ac:spMk id="6" creationId="{F7D1BC7D-A73B-CFC7-6EC7-7D8FCB127805}"/>
          </ac:spMkLst>
        </pc:spChg>
        <pc:spChg chg="del">
          <ac:chgData name="Vagnarelli, Alessio" userId="7630aed0-756e-42de-813a-0c9638cc0479" providerId="ADAL" clId="{1974E21F-B8E7-4B43-AFE1-62D0C2798FBD}" dt="2024-06-15T16:21:44.741" v="939" actId="21"/>
          <ac:spMkLst>
            <pc:docMk/>
            <pc:sldMk cId="1273141723" sldId="882"/>
            <ac:spMk id="7" creationId="{1ABBEF51-76C2-A13A-90B5-F14D2C9EF5B5}"/>
          </ac:spMkLst>
        </pc:spChg>
      </pc:sldChg>
      <pc:sldChg chg="delSp modSp add mod ord">
        <pc:chgData name="Vagnarelli, Alessio" userId="7630aed0-756e-42de-813a-0c9638cc0479" providerId="ADAL" clId="{1974E21F-B8E7-4B43-AFE1-62D0C2798FBD}" dt="2024-06-18T15:00:24.802" v="3679" actId="13926"/>
        <pc:sldMkLst>
          <pc:docMk/>
          <pc:sldMk cId="3249219027" sldId="882"/>
        </pc:sldMkLst>
        <pc:spChg chg="mod">
          <ac:chgData name="Vagnarelli, Alessio" userId="7630aed0-756e-42de-813a-0c9638cc0479" providerId="ADAL" clId="{1974E21F-B8E7-4B43-AFE1-62D0C2798FBD}" dt="2024-06-15T17:14:37.991" v="1145" actId="20577"/>
          <ac:spMkLst>
            <pc:docMk/>
            <pc:sldMk cId="3249219027" sldId="882"/>
            <ac:spMk id="2" creationId="{840BA7DA-B26C-D300-2B89-6C4B0219CA1F}"/>
          </ac:spMkLst>
        </pc:spChg>
        <pc:spChg chg="mod">
          <ac:chgData name="Vagnarelli, Alessio" userId="7630aed0-756e-42de-813a-0c9638cc0479" providerId="ADAL" clId="{1974E21F-B8E7-4B43-AFE1-62D0C2798FBD}" dt="2024-06-18T15:00:24.802" v="3679" actId="13926"/>
          <ac:spMkLst>
            <pc:docMk/>
            <pc:sldMk cId="3249219027" sldId="882"/>
            <ac:spMk id="3" creationId="{96F0674A-AA01-A453-155A-D91706E50D31}"/>
          </ac:spMkLst>
        </pc:spChg>
        <pc:spChg chg="del">
          <ac:chgData name="Vagnarelli, Alessio" userId="7630aed0-756e-42de-813a-0c9638cc0479" providerId="ADAL" clId="{1974E21F-B8E7-4B43-AFE1-62D0C2798FBD}" dt="2024-06-15T16:33:55.748" v="1010" actId="21"/>
          <ac:spMkLst>
            <pc:docMk/>
            <pc:sldMk cId="3249219027" sldId="882"/>
            <ac:spMk id="5" creationId="{1E20756D-87C9-75E0-217E-A99AFDBC4ADF}"/>
          </ac:spMkLst>
        </pc:spChg>
        <pc:spChg chg="del">
          <ac:chgData name="Vagnarelli, Alessio" userId="7630aed0-756e-42de-813a-0c9638cc0479" providerId="ADAL" clId="{1974E21F-B8E7-4B43-AFE1-62D0C2798FBD}" dt="2024-06-15T16:33:57.913" v="1011" actId="21"/>
          <ac:spMkLst>
            <pc:docMk/>
            <pc:sldMk cId="3249219027" sldId="882"/>
            <ac:spMk id="6" creationId="{F7D1BC7D-A73B-CFC7-6EC7-7D8FCB127805}"/>
          </ac:spMkLst>
        </pc:spChg>
        <pc:spChg chg="del">
          <ac:chgData name="Vagnarelli, Alessio" userId="7630aed0-756e-42de-813a-0c9638cc0479" providerId="ADAL" clId="{1974E21F-B8E7-4B43-AFE1-62D0C2798FBD}" dt="2024-06-15T16:34:00.728" v="1012" actId="21"/>
          <ac:spMkLst>
            <pc:docMk/>
            <pc:sldMk cId="3249219027" sldId="882"/>
            <ac:spMk id="7" creationId="{1ABBEF51-76C2-A13A-90B5-F14D2C9EF5B5}"/>
          </ac:spMkLst>
        </pc:spChg>
      </pc:sldChg>
      <pc:sldChg chg="modSp add mod">
        <pc:chgData name="Vagnarelli, Alessio" userId="7630aed0-756e-42de-813a-0c9638cc0479" providerId="ADAL" clId="{1974E21F-B8E7-4B43-AFE1-62D0C2798FBD}" dt="2024-06-18T15:00:59.997" v="3681" actId="13926"/>
        <pc:sldMkLst>
          <pc:docMk/>
          <pc:sldMk cId="2855402657" sldId="883"/>
        </pc:sldMkLst>
        <pc:spChg chg="mod">
          <ac:chgData name="Vagnarelli, Alessio" userId="7630aed0-756e-42de-813a-0c9638cc0479" providerId="ADAL" clId="{1974E21F-B8E7-4B43-AFE1-62D0C2798FBD}" dt="2024-06-18T15:00:59.997" v="3681" actId="13926"/>
          <ac:spMkLst>
            <pc:docMk/>
            <pc:sldMk cId="2855402657" sldId="883"/>
            <ac:spMk id="3" creationId="{96F0674A-AA01-A453-155A-D91706E50D31}"/>
          </ac:spMkLst>
        </pc:spChg>
      </pc:sldChg>
      <pc:sldChg chg="modSp add mod ord">
        <pc:chgData name="Vagnarelli, Alessio" userId="7630aed0-756e-42de-813a-0c9638cc0479" providerId="ADAL" clId="{1974E21F-B8E7-4B43-AFE1-62D0C2798FBD}" dt="2024-06-18T15:00:47.231" v="3680" actId="13926"/>
        <pc:sldMkLst>
          <pc:docMk/>
          <pc:sldMk cId="1613224821" sldId="884"/>
        </pc:sldMkLst>
        <pc:spChg chg="mod">
          <ac:chgData name="Vagnarelli, Alessio" userId="7630aed0-756e-42de-813a-0c9638cc0479" providerId="ADAL" clId="{1974E21F-B8E7-4B43-AFE1-62D0C2798FBD}" dt="2024-06-18T15:00:47.231" v="3680" actId="13926"/>
          <ac:spMkLst>
            <pc:docMk/>
            <pc:sldMk cId="1613224821" sldId="884"/>
            <ac:spMk id="3" creationId="{96F0674A-AA01-A453-155A-D91706E50D31}"/>
          </ac:spMkLst>
        </pc:spChg>
      </pc:sldChg>
      <pc:sldChg chg="addSp delSp modSp add mod">
        <pc:chgData name="Vagnarelli, Alessio" userId="7630aed0-756e-42de-813a-0c9638cc0479" providerId="ADAL" clId="{1974E21F-B8E7-4B43-AFE1-62D0C2798FBD}" dt="2024-06-18T10:31:18.976" v="3593" actId="20577"/>
        <pc:sldMkLst>
          <pc:docMk/>
          <pc:sldMk cId="3569033244" sldId="885"/>
        </pc:sldMkLst>
        <pc:spChg chg="del">
          <ac:chgData name="Vagnarelli, Alessio" userId="7630aed0-756e-42de-813a-0c9638cc0479" providerId="ADAL" clId="{1974E21F-B8E7-4B43-AFE1-62D0C2798FBD}" dt="2024-06-16T08:28:01.588" v="2282" actId="21"/>
          <ac:spMkLst>
            <pc:docMk/>
            <pc:sldMk cId="3569033244" sldId="885"/>
            <ac:spMk id="3" creationId="{D47DA8D0-FDEE-5792-DA8E-2211FDA74106}"/>
          </ac:spMkLst>
        </pc:spChg>
        <pc:spChg chg="add del mod">
          <ac:chgData name="Vagnarelli, Alessio" userId="7630aed0-756e-42de-813a-0c9638cc0479" providerId="ADAL" clId="{1974E21F-B8E7-4B43-AFE1-62D0C2798FBD}" dt="2024-06-16T08:28:05.125" v="2283" actId="21"/>
          <ac:spMkLst>
            <pc:docMk/>
            <pc:sldMk cId="3569033244" sldId="885"/>
            <ac:spMk id="5" creationId="{CE504D42-1803-6EB4-C4B6-6600433F215C}"/>
          </ac:spMkLst>
        </pc:spChg>
        <pc:spChg chg="add del mod">
          <ac:chgData name="Vagnarelli, Alessio" userId="7630aed0-756e-42de-813a-0c9638cc0479" providerId="ADAL" clId="{1974E21F-B8E7-4B43-AFE1-62D0C2798FBD}" dt="2024-06-16T08:43:29.727" v="3056" actId="21"/>
          <ac:spMkLst>
            <pc:docMk/>
            <pc:sldMk cId="3569033244" sldId="885"/>
            <ac:spMk id="6" creationId="{EC3C2C62-A5A2-2AFA-60E6-8F8F1D1F0E36}"/>
          </ac:spMkLst>
        </pc:spChg>
        <pc:spChg chg="mod">
          <ac:chgData name="Vagnarelli, Alessio" userId="7630aed0-756e-42de-813a-0c9638cc0479" providerId="ADAL" clId="{1974E21F-B8E7-4B43-AFE1-62D0C2798FBD}" dt="2024-06-16T08:50:21.417" v="3418" actId="27636"/>
          <ac:spMkLst>
            <pc:docMk/>
            <pc:sldMk cId="3569033244" sldId="885"/>
            <ac:spMk id="9" creationId="{DE3402C8-3E22-213F-9DCC-69CE313F0D1E}"/>
          </ac:spMkLst>
        </pc:spChg>
        <pc:spChg chg="del">
          <ac:chgData name="Vagnarelli, Alessio" userId="7630aed0-756e-42de-813a-0c9638cc0479" providerId="ADAL" clId="{1974E21F-B8E7-4B43-AFE1-62D0C2798FBD}" dt="2024-06-16T08:28:07.545" v="2284" actId="21"/>
          <ac:spMkLst>
            <pc:docMk/>
            <pc:sldMk cId="3569033244" sldId="885"/>
            <ac:spMk id="13" creationId="{E6A6FF54-9289-1990-BED5-EE518B462901}"/>
          </ac:spMkLst>
        </pc:spChg>
        <pc:spChg chg="del">
          <ac:chgData name="Vagnarelli, Alessio" userId="7630aed0-756e-42de-813a-0c9638cc0479" providerId="ADAL" clId="{1974E21F-B8E7-4B43-AFE1-62D0C2798FBD}" dt="2024-06-16T08:28:10.132" v="2285" actId="21"/>
          <ac:spMkLst>
            <pc:docMk/>
            <pc:sldMk cId="3569033244" sldId="885"/>
            <ac:spMk id="14" creationId="{7B040882-A3D5-A727-5CF7-84B33F96C532}"/>
          </ac:spMkLst>
        </pc:spChg>
        <pc:spChg chg="del">
          <ac:chgData name="Vagnarelli, Alessio" userId="7630aed0-756e-42de-813a-0c9638cc0479" providerId="ADAL" clId="{1974E21F-B8E7-4B43-AFE1-62D0C2798FBD}" dt="2024-06-16T08:28:12.565" v="2286" actId="21"/>
          <ac:spMkLst>
            <pc:docMk/>
            <pc:sldMk cId="3569033244" sldId="885"/>
            <ac:spMk id="15" creationId="{F2E06043-EA12-6CE4-FC38-016AE3877749}"/>
          </ac:spMkLst>
        </pc:spChg>
        <pc:spChg chg="del">
          <ac:chgData name="Vagnarelli, Alessio" userId="7630aed0-756e-42de-813a-0c9638cc0479" providerId="ADAL" clId="{1974E21F-B8E7-4B43-AFE1-62D0C2798FBD}" dt="2024-06-16T08:28:15.355" v="2287" actId="21"/>
          <ac:spMkLst>
            <pc:docMk/>
            <pc:sldMk cId="3569033244" sldId="885"/>
            <ac:spMk id="16" creationId="{96349AA1-0E3A-7B41-C6B1-A31FACA8DF1C}"/>
          </ac:spMkLst>
        </pc:spChg>
        <pc:graphicFrameChg chg="add mod modGraphic">
          <ac:chgData name="Vagnarelli, Alessio" userId="7630aed0-756e-42de-813a-0c9638cc0479" providerId="ADAL" clId="{1974E21F-B8E7-4B43-AFE1-62D0C2798FBD}" dt="2024-06-18T10:31:18.976" v="3593" actId="20577"/>
          <ac:graphicFrameMkLst>
            <pc:docMk/>
            <pc:sldMk cId="3569033244" sldId="885"/>
            <ac:graphicFrameMk id="2" creationId="{E8D3DC0F-96CD-ACFF-993B-28F050704D5F}"/>
          </ac:graphicFrameMkLst>
        </pc:graphicFrameChg>
      </pc:sldChg>
      <pc:sldMasterChg chg="addSldLayout delSldLayout">
        <pc:chgData name="Vagnarelli, Alessio" userId="7630aed0-756e-42de-813a-0c9638cc0479" providerId="ADAL" clId="{1974E21F-B8E7-4B43-AFE1-62D0C2798FBD}" dt="2024-06-15T15:43:18.575" v="434" actId="47"/>
        <pc:sldMasterMkLst>
          <pc:docMk/>
          <pc:sldMasterMk cId="3430508837" sldId="2147483731"/>
        </pc:sldMasterMkLst>
        <pc:sldLayoutChg chg="add del">
          <pc:chgData name="Vagnarelli, Alessio" userId="7630aed0-756e-42de-813a-0c9638cc0479" providerId="ADAL" clId="{1974E21F-B8E7-4B43-AFE1-62D0C2798FBD}" dt="2024-06-15T15:43:18.575" v="434" actId="47"/>
          <pc:sldLayoutMkLst>
            <pc:docMk/>
            <pc:sldMasterMk cId="3430508837" sldId="2147483731"/>
            <pc:sldLayoutMk cId="247695977" sldId="2147483748"/>
          </pc:sldLayoutMkLst>
        </pc:sldLayoutChg>
        <pc:sldLayoutChg chg="del">
          <pc:chgData name="Vagnarelli, Alessio" userId="7630aed0-756e-42de-813a-0c9638cc0479" providerId="ADAL" clId="{1974E21F-B8E7-4B43-AFE1-62D0C2798FBD}" dt="2024-06-15T15:43:04.675" v="417" actId="47"/>
          <pc:sldLayoutMkLst>
            <pc:docMk/>
            <pc:sldMasterMk cId="3430508837" sldId="2147483731"/>
            <pc:sldLayoutMk cId="4070543673" sldId="2147483790"/>
          </pc:sldLayoutMkLst>
        </pc:sldLayoutChg>
      </pc:sldMasterChg>
      <pc:sldMasterChg chg="add del addSldLayout delSldLayout">
        <pc:chgData name="Vagnarelli, Alessio" userId="7630aed0-756e-42de-813a-0c9638cc0479" providerId="ADAL" clId="{1974E21F-B8E7-4B43-AFE1-62D0C2798FBD}" dt="2024-06-15T15:44:07.672" v="450" actId="47"/>
        <pc:sldMasterMkLst>
          <pc:docMk/>
          <pc:sldMasterMk cId="3100536029" sldId="2147483749"/>
        </pc:sldMasterMkLst>
        <pc:sldLayoutChg chg="add del">
          <pc:chgData name="Vagnarelli, Alessio" userId="7630aed0-756e-42de-813a-0c9638cc0479" providerId="ADAL" clId="{1974E21F-B8E7-4B43-AFE1-62D0C2798FBD}" dt="2024-06-15T15:44:07.672" v="450" actId="47"/>
          <pc:sldLayoutMkLst>
            <pc:docMk/>
            <pc:sldMasterMk cId="3100536029" sldId="2147483749"/>
            <pc:sldLayoutMk cId="3685707638" sldId="2147483750"/>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563338179" sldId="2147483751"/>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819634803" sldId="2147483752"/>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609619643" sldId="2147483753"/>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2233652326" sldId="2147483754"/>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366623274" sldId="2147483755"/>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4165133589" sldId="2147483756"/>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642054285" sldId="2147483757"/>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054013811" sldId="2147483758"/>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839957757" sldId="2147483759"/>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439697696" sldId="2147483760"/>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3424975925" sldId="2147483761"/>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4199688453" sldId="2147483762"/>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484651306" sldId="2147483763"/>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3110698421" sldId="2147483764"/>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067751160" sldId="2147483765"/>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3683045659" sldId="2147483766"/>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2652787941" sldId="2147483767"/>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3117048827" sldId="2147483768"/>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729970852" sldId="2147483769"/>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2900340107" sldId="2147483770"/>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711102270" sldId="2147483771"/>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475396485" sldId="2147483772"/>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512478041" sldId="2147483773"/>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3841716309" sldId="2147483774"/>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332183077" sldId="2147483775"/>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59921619" sldId="2147483776"/>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2299449364" sldId="2147483777"/>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195176614" sldId="2147483778"/>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915852274" sldId="2147483779"/>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047486100" sldId="2147483780"/>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465537119" sldId="2147483781"/>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2603636956" sldId="2147483782"/>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645919667" sldId="2147483783"/>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1495652636" sldId="2147483784"/>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993416196" sldId="2147483785"/>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4075245555" sldId="2147483786"/>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418535661" sldId="2147483787"/>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3174434864" sldId="2147483788"/>
          </pc:sldLayoutMkLst>
        </pc:sldLayoutChg>
        <pc:sldLayoutChg chg="add del">
          <pc:chgData name="Vagnarelli, Alessio" userId="7630aed0-756e-42de-813a-0c9638cc0479" providerId="ADAL" clId="{1974E21F-B8E7-4B43-AFE1-62D0C2798FBD}" dt="2024-06-15T15:44:07.672" v="450" actId="47"/>
          <pc:sldLayoutMkLst>
            <pc:docMk/>
            <pc:sldMasterMk cId="3100536029" sldId="2147483749"/>
            <pc:sldLayoutMk cId="617242992" sldId="2147483789"/>
          </pc:sldLayoutMkLst>
        </pc:sldLayoutChg>
      </pc:sldMasterChg>
      <pc:sldMasterChg chg="add del addSldLayout delSldLayout">
        <pc:chgData name="Vagnarelli, Alessio" userId="7630aed0-756e-42de-813a-0c9638cc0479" providerId="ADAL" clId="{1974E21F-B8E7-4B43-AFE1-62D0C2798FBD}" dt="2024-06-18T10:44:51.316" v="3627" actId="47"/>
        <pc:sldMasterMkLst>
          <pc:docMk/>
          <pc:sldMasterMk cId="1238018480" sldId="2147483791"/>
        </pc:sldMasterMkLst>
        <pc:sldLayoutChg chg="add del">
          <pc:chgData name="Vagnarelli, Alessio" userId="7630aed0-756e-42de-813a-0c9638cc0479" providerId="ADAL" clId="{1974E21F-B8E7-4B43-AFE1-62D0C2798FBD}" dt="2024-06-18T10:44:51.316" v="3627" actId="47"/>
          <pc:sldLayoutMkLst>
            <pc:docMk/>
            <pc:sldMasterMk cId="1238018480" sldId="2147483791"/>
            <pc:sldLayoutMk cId="304330303" sldId="2147483792"/>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704321144" sldId="2147483793"/>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4212003182" sldId="2147483794"/>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2612188997" sldId="2147483795"/>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567405001" sldId="2147483796"/>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58158540" sldId="2147483797"/>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06239842" sldId="2147483798"/>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666237408" sldId="2147483799"/>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4093881770" sldId="2147483800"/>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180968607" sldId="2147483801"/>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895036146" sldId="2147483802"/>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545081410" sldId="2147483803"/>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549873410" sldId="2147483804"/>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22361151" sldId="2147483805"/>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272345225" sldId="2147483806"/>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24449160" sldId="2147483807"/>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499961537" sldId="2147483808"/>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375749540" sldId="2147483809"/>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543099555" sldId="2147483810"/>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435417600" sldId="2147483811"/>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790432356" sldId="2147483812"/>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4015404812" sldId="2147483813"/>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675161360" sldId="2147483814"/>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2839026390" sldId="2147483815"/>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2279325536" sldId="2147483816"/>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850208647" sldId="2147483817"/>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583364249" sldId="2147483818"/>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2565919991" sldId="2147483819"/>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022688188" sldId="2147483820"/>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249670135" sldId="2147483821"/>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970789068" sldId="2147483822"/>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983257690" sldId="2147483823"/>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693756850" sldId="2147483824"/>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2085012049" sldId="2147483825"/>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14578142" sldId="2147483826"/>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2402938842" sldId="2147483827"/>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593904678" sldId="2147483828"/>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3644654778" sldId="2147483829"/>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2189977751" sldId="2147483830"/>
          </pc:sldLayoutMkLst>
        </pc:sldLayoutChg>
        <pc:sldLayoutChg chg="add del">
          <pc:chgData name="Vagnarelli, Alessio" userId="7630aed0-756e-42de-813a-0c9638cc0479" providerId="ADAL" clId="{1974E21F-B8E7-4B43-AFE1-62D0C2798FBD}" dt="2024-06-18T10:44:51.316" v="3627" actId="47"/>
          <pc:sldLayoutMkLst>
            <pc:docMk/>
            <pc:sldMasterMk cId="1238018480" sldId="2147483791"/>
            <pc:sldLayoutMk cId="1019488838" sldId="2147483831"/>
          </pc:sldLayoutMkLst>
        </pc:sldLayoutChg>
      </pc:sldMasterChg>
    </pc:docChg>
  </pc:docChgLst>
  <pc:docChgLst>
    <pc:chgData name="Vagnarelli, Alessio" userId="7630aed0-756e-42de-813a-0c9638cc0479" providerId="ADAL" clId="{7FFBA04C-581A-43BA-950C-614B95DF66A6}"/>
    <pc:docChg chg="undo custSel addSld delSld modSld sldOrd modSection">
      <pc:chgData name="Vagnarelli, Alessio" userId="7630aed0-756e-42de-813a-0c9638cc0479" providerId="ADAL" clId="{7FFBA04C-581A-43BA-950C-614B95DF66A6}" dt="2025-06-17T11:35:42.382" v="2061" actId="20577"/>
      <pc:docMkLst>
        <pc:docMk/>
      </pc:docMkLst>
      <pc:sldChg chg="del">
        <pc:chgData name="Vagnarelli, Alessio" userId="7630aed0-756e-42de-813a-0c9638cc0479" providerId="ADAL" clId="{7FFBA04C-581A-43BA-950C-614B95DF66A6}" dt="2025-06-16T14:32:32.255" v="290" actId="47"/>
        <pc:sldMkLst>
          <pc:docMk/>
          <pc:sldMk cId="2247964880" sldId="294"/>
        </pc:sldMkLst>
      </pc:sldChg>
      <pc:sldChg chg="del">
        <pc:chgData name="Vagnarelli, Alessio" userId="7630aed0-756e-42de-813a-0c9638cc0479" providerId="ADAL" clId="{7FFBA04C-581A-43BA-950C-614B95DF66A6}" dt="2025-06-16T14:32:33.409" v="291" actId="47"/>
        <pc:sldMkLst>
          <pc:docMk/>
          <pc:sldMk cId="398065420" sldId="295"/>
        </pc:sldMkLst>
      </pc:sldChg>
      <pc:sldChg chg="modSp mod">
        <pc:chgData name="Vagnarelli, Alessio" userId="7630aed0-756e-42de-813a-0c9638cc0479" providerId="ADAL" clId="{7FFBA04C-581A-43BA-950C-614B95DF66A6}" dt="2025-06-16T14:09:08.459" v="28" actId="6549"/>
        <pc:sldMkLst>
          <pc:docMk/>
          <pc:sldMk cId="861957290" sldId="341"/>
        </pc:sldMkLst>
        <pc:spChg chg="mod">
          <ac:chgData name="Vagnarelli, Alessio" userId="7630aed0-756e-42de-813a-0c9638cc0479" providerId="ADAL" clId="{7FFBA04C-581A-43BA-950C-614B95DF66A6}" dt="2025-06-16T14:09:08.459" v="28" actId="6549"/>
          <ac:spMkLst>
            <pc:docMk/>
            <pc:sldMk cId="861957290" sldId="341"/>
            <ac:spMk id="13" creationId="{DE5B9CEA-5E73-4E22-8C75-E8D43059FFC7}"/>
          </ac:spMkLst>
        </pc:spChg>
      </pc:sldChg>
      <pc:sldChg chg="del">
        <pc:chgData name="Vagnarelli, Alessio" userId="7630aed0-756e-42de-813a-0c9638cc0479" providerId="ADAL" clId="{7FFBA04C-581A-43BA-950C-614B95DF66A6}" dt="2025-06-16T14:32:28.077" v="286" actId="47"/>
        <pc:sldMkLst>
          <pc:docMk/>
          <pc:sldMk cId="2047750710" sldId="708"/>
        </pc:sldMkLst>
      </pc:sldChg>
      <pc:sldChg chg="del">
        <pc:chgData name="Vagnarelli, Alessio" userId="7630aed0-756e-42de-813a-0c9638cc0479" providerId="ADAL" clId="{7FFBA04C-581A-43BA-950C-614B95DF66A6}" dt="2025-06-16T14:32:27.028" v="285" actId="47"/>
        <pc:sldMkLst>
          <pc:docMk/>
          <pc:sldMk cId="1710348127" sldId="710"/>
        </pc:sldMkLst>
      </pc:sldChg>
      <pc:sldChg chg="del">
        <pc:chgData name="Vagnarelli, Alessio" userId="7630aed0-756e-42de-813a-0c9638cc0479" providerId="ADAL" clId="{7FFBA04C-581A-43BA-950C-614B95DF66A6}" dt="2025-06-16T14:32:24.781" v="284" actId="47"/>
        <pc:sldMkLst>
          <pc:docMk/>
          <pc:sldMk cId="182876157" sldId="711"/>
        </pc:sldMkLst>
      </pc:sldChg>
      <pc:sldChg chg="addSp delSp modSp mod delAnim modAnim">
        <pc:chgData name="Vagnarelli, Alessio" userId="7630aed0-756e-42de-813a-0c9638cc0479" providerId="ADAL" clId="{7FFBA04C-581A-43BA-950C-614B95DF66A6}" dt="2025-06-16T17:35:17.397" v="975" actId="20577"/>
        <pc:sldMkLst>
          <pc:docMk/>
          <pc:sldMk cId="2122903879" sldId="713"/>
        </pc:sldMkLst>
        <pc:spChg chg="add">
          <ac:chgData name="Vagnarelli, Alessio" userId="7630aed0-756e-42de-813a-0c9638cc0479" providerId="ADAL" clId="{7FFBA04C-581A-43BA-950C-614B95DF66A6}" dt="2025-06-16T14:20:14.293" v="45"/>
          <ac:spMkLst>
            <pc:docMk/>
            <pc:sldMk cId="2122903879" sldId="713"/>
            <ac:spMk id="2" creationId="{37C733AF-BC81-9FC2-9C8A-3A9FDB5A5F31}"/>
          </ac:spMkLst>
        </pc:spChg>
        <pc:spChg chg="mod">
          <ac:chgData name="Vagnarelli, Alessio" userId="7630aed0-756e-42de-813a-0c9638cc0479" providerId="ADAL" clId="{7FFBA04C-581A-43BA-950C-614B95DF66A6}" dt="2025-06-16T14:23:30.594" v="132" actId="20577"/>
          <ac:spMkLst>
            <pc:docMk/>
            <pc:sldMk cId="2122903879" sldId="713"/>
            <ac:spMk id="3" creationId="{00000000-0000-0000-0000-000000000000}"/>
          </ac:spMkLst>
        </pc:spChg>
        <pc:spChg chg="add">
          <ac:chgData name="Vagnarelli, Alessio" userId="7630aed0-756e-42de-813a-0c9638cc0479" providerId="ADAL" clId="{7FFBA04C-581A-43BA-950C-614B95DF66A6}" dt="2025-06-16T14:20:25.513" v="55"/>
          <ac:spMkLst>
            <pc:docMk/>
            <pc:sldMk cId="2122903879" sldId="713"/>
            <ac:spMk id="4" creationId="{42C6C513-C7C0-4AC7-7D1F-4B8EE8C05631}"/>
          </ac:spMkLst>
        </pc:spChg>
        <pc:spChg chg="del">
          <ac:chgData name="Vagnarelli, Alessio" userId="7630aed0-756e-42de-813a-0c9638cc0479" providerId="ADAL" clId="{7FFBA04C-581A-43BA-950C-614B95DF66A6}" dt="2025-06-16T14:20:37.546" v="57" actId="21"/>
          <ac:spMkLst>
            <pc:docMk/>
            <pc:sldMk cId="2122903879" sldId="713"/>
            <ac:spMk id="5" creationId="{2B3F5418-C5BA-4001-94CA-2A762F1C83E3}"/>
          </ac:spMkLst>
        </pc:spChg>
        <pc:spChg chg="add del mod">
          <ac:chgData name="Vagnarelli, Alessio" userId="7630aed0-756e-42de-813a-0c9638cc0479" providerId="ADAL" clId="{7FFBA04C-581A-43BA-950C-614B95DF66A6}" dt="2025-06-16T14:33:12.709" v="294" actId="21"/>
          <ac:spMkLst>
            <pc:docMk/>
            <pc:sldMk cId="2122903879" sldId="713"/>
            <ac:spMk id="6" creationId="{7349B8C4-7985-D20B-E233-8A9FF3FFCB0A}"/>
          </ac:spMkLst>
        </pc:spChg>
        <pc:spChg chg="mod">
          <ac:chgData name="Vagnarelli, Alessio" userId="7630aed0-756e-42de-813a-0c9638cc0479" providerId="ADAL" clId="{7FFBA04C-581A-43BA-950C-614B95DF66A6}" dt="2025-06-16T17:35:17.397" v="975" actId="20577"/>
          <ac:spMkLst>
            <pc:docMk/>
            <pc:sldMk cId="2122903879" sldId="713"/>
            <ac:spMk id="7" creationId="{CC083F2D-023C-444C-97E7-8442F50BF67C}"/>
          </ac:spMkLst>
        </pc:spChg>
      </pc:sldChg>
      <pc:sldChg chg="del">
        <pc:chgData name="Vagnarelli, Alessio" userId="7630aed0-756e-42de-813a-0c9638cc0479" providerId="ADAL" clId="{7FFBA04C-581A-43BA-950C-614B95DF66A6}" dt="2025-06-16T14:32:30.822" v="289" actId="47"/>
        <pc:sldMkLst>
          <pc:docMk/>
          <pc:sldMk cId="3502471982" sldId="715"/>
        </pc:sldMkLst>
      </pc:sldChg>
      <pc:sldChg chg="del">
        <pc:chgData name="Vagnarelli, Alessio" userId="7630aed0-756e-42de-813a-0c9638cc0479" providerId="ADAL" clId="{7FFBA04C-581A-43BA-950C-614B95DF66A6}" dt="2025-06-16T14:32:29.275" v="287" actId="47"/>
        <pc:sldMkLst>
          <pc:docMk/>
          <pc:sldMk cId="1715176547" sldId="716"/>
        </pc:sldMkLst>
      </pc:sldChg>
      <pc:sldChg chg="del">
        <pc:chgData name="Vagnarelli, Alessio" userId="7630aed0-756e-42de-813a-0c9638cc0479" providerId="ADAL" clId="{7FFBA04C-581A-43BA-950C-614B95DF66A6}" dt="2025-06-16T14:32:30.100" v="288" actId="47"/>
        <pc:sldMkLst>
          <pc:docMk/>
          <pc:sldMk cId="3323397576" sldId="717"/>
        </pc:sldMkLst>
      </pc:sldChg>
      <pc:sldChg chg="delSp modSp del mod">
        <pc:chgData name="Vagnarelli, Alessio" userId="7630aed0-756e-42de-813a-0c9638cc0479" providerId="ADAL" clId="{7FFBA04C-581A-43BA-950C-614B95DF66A6}" dt="2025-06-16T18:01:08.737" v="1219" actId="47"/>
        <pc:sldMkLst>
          <pc:docMk/>
          <pc:sldMk cId="1537346740" sldId="718"/>
        </pc:sldMkLst>
        <pc:spChg chg="mod">
          <ac:chgData name="Vagnarelli, Alessio" userId="7630aed0-756e-42de-813a-0c9638cc0479" providerId="ADAL" clId="{7FFBA04C-581A-43BA-950C-614B95DF66A6}" dt="2025-06-16T17:51:41.378" v="1212" actId="14100"/>
          <ac:spMkLst>
            <pc:docMk/>
            <pc:sldMk cId="1537346740" sldId="718"/>
            <ac:spMk id="5" creationId="{BF30CAA7-981A-4A95-8E9C-EB17C724B66C}"/>
          </ac:spMkLst>
        </pc:spChg>
        <pc:picChg chg="del">
          <ac:chgData name="Vagnarelli, Alessio" userId="7630aed0-756e-42de-813a-0c9638cc0479" providerId="ADAL" clId="{7FFBA04C-581A-43BA-950C-614B95DF66A6}" dt="2025-06-16T17:51:37.825" v="1210" actId="21"/>
          <ac:picMkLst>
            <pc:docMk/>
            <pc:sldMk cId="1537346740" sldId="718"/>
            <ac:picMk id="12" creationId="{BC5B589C-EA7F-4380-8DAD-BBD89CCD0423}"/>
          </ac:picMkLst>
        </pc:picChg>
      </pc:sldChg>
      <pc:sldChg chg="delSp modSp add mod delAnim">
        <pc:chgData name="Vagnarelli, Alessio" userId="7630aed0-756e-42de-813a-0c9638cc0479" providerId="ADAL" clId="{7FFBA04C-581A-43BA-950C-614B95DF66A6}" dt="2025-06-16T17:38:36.123" v="1012" actId="20577"/>
        <pc:sldMkLst>
          <pc:docMk/>
          <pc:sldMk cId="2607645970" sldId="719"/>
        </pc:sldMkLst>
        <pc:spChg chg="mod">
          <ac:chgData name="Vagnarelli, Alessio" userId="7630aed0-756e-42de-813a-0c9638cc0479" providerId="ADAL" clId="{7FFBA04C-581A-43BA-950C-614B95DF66A6}" dt="2025-06-16T14:33:40.109" v="336" actId="20577"/>
          <ac:spMkLst>
            <pc:docMk/>
            <pc:sldMk cId="2607645970" sldId="719"/>
            <ac:spMk id="3" creationId="{00000000-0000-0000-0000-000000000000}"/>
          </ac:spMkLst>
        </pc:spChg>
        <pc:spChg chg="del">
          <ac:chgData name="Vagnarelli, Alessio" userId="7630aed0-756e-42de-813a-0c9638cc0479" providerId="ADAL" clId="{7FFBA04C-581A-43BA-950C-614B95DF66A6}" dt="2025-06-16T14:26:18.880" v="187" actId="21"/>
          <ac:spMkLst>
            <pc:docMk/>
            <pc:sldMk cId="2607645970" sldId="719"/>
            <ac:spMk id="6" creationId="{7349B8C4-7985-D20B-E233-8A9FF3FFCB0A}"/>
          </ac:spMkLst>
        </pc:spChg>
        <pc:spChg chg="mod">
          <ac:chgData name="Vagnarelli, Alessio" userId="7630aed0-756e-42de-813a-0c9638cc0479" providerId="ADAL" clId="{7FFBA04C-581A-43BA-950C-614B95DF66A6}" dt="2025-06-16T17:38:36.123" v="1012" actId="20577"/>
          <ac:spMkLst>
            <pc:docMk/>
            <pc:sldMk cId="2607645970" sldId="719"/>
            <ac:spMk id="7" creationId="{CC083F2D-023C-444C-97E7-8442F50BF67C}"/>
          </ac:spMkLst>
        </pc:spChg>
      </pc:sldChg>
      <pc:sldChg chg="modSp add del mod">
        <pc:chgData name="Vagnarelli, Alessio" userId="7630aed0-756e-42de-813a-0c9638cc0479" providerId="ADAL" clId="{7FFBA04C-581A-43BA-950C-614B95DF66A6}" dt="2025-06-16T16:02:54.163" v="945" actId="47"/>
        <pc:sldMkLst>
          <pc:docMk/>
          <pc:sldMk cId="2200136713" sldId="720"/>
        </pc:sldMkLst>
        <pc:spChg chg="mod">
          <ac:chgData name="Vagnarelli, Alessio" userId="7630aed0-756e-42de-813a-0c9638cc0479" providerId="ADAL" clId="{7FFBA04C-581A-43BA-950C-614B95DF66A6}" dt="2025-06-16T14:33:52.812" v="338" actId="20577"/>
          <ac:spMkLst>
            <pc:docMk/>
            <pc:sldMk cId="2200136713" sldId="720"/>
            <ac:spMk id="3" creationId="{00000000-0000-0000-0000-000000000000}"/>
          </ac:spMkLst>
        </pc:spChg>
        <pc:spChg chg="mod">
          <ac:chgData name="Vagnarelli, Alessio" userId="7630aed0-756e-42de-813a-0c9638cc0479" providerId="ADAL" clId="{7FFBA04C-581A-43BA-950C-614B95DF66A6}" dt="2025-06-16T14:29:51.482" v="272" actId="6549"/>
          <ac:spMkLst>
            <pc:docMk/>
            <pc:sldMk cId="2200136713" sldId="720"/>
            <ac:spMk id="7" creationId="{CC083F2D-023C-444C-97E7-8442F50BF67C}"/>
          </ac:spMkLst>
        </pc:spChg>
      </pc:sldChg>
      <pc:sldChg chg="modSp add del mod">
        <pc:chgData name="Vagnarelli, Alessio" userId="7630aed0-756e-42de-813a-0c9638cc0479" providerId="ADAL" clId="{7FFBA04C-581A-43BA-950C-614B95DF66A6}" dt="2025-06-16T16:03:00.101" v="946" actId="47"/>
        <pc:sldMkLst>
          <pc:docMk/>
          <pc:sldMk cId="1190944497" sldId="721"/>
        </pc:sldMkLst>
        <pc:spChg chg="mod">
          <ac:chgData name="Vagnarelli, Alessio" userId="7630aed0-756e-42de-813a-0c9638cc0479" providerId="ADAL" clId="{7FFBA04C-581A-43BA-950C-614B95DF66A6}" dt="2025-06-16T14:34:00.327" v="339"/>
          <ac:spMkLst>
            <pc:docMk/>
            <pc:sldMk cId="1190944497" sldId="721"/>
            <ac:spMk id="3" creationId="{00000000-0000-0000-0000-000000000000}"/>
          </ac:spMkLst>
        </pc:spChg>
        <pc:spChg chg="mod">
          <ac:chgData name="Vagnarelli, Alessio" userId="7630aed0-756e-42de-813a-0c9638cc0479" providerId="ADAL" clId="{7FFBA04C-581A-43BA-950C-614B95DF66A6}" dt="2025-06-16T14:30:33.812" v="275" actId="6549"/>
          <ac:spMkLst>
            <pc:docMk/>
            <pc:sldMk cId="1190944497" sldId="721"/>
            <ac:spMk id="7" creationId="{CC083F2D-023C-444C-97E7-8442F50BF67C}"/>
          </ac:spMkLst>
        </pc:spChg>
      </pc:sldChg>
      <pc:sldChg chg="modSp add mod">
        <pc:chgData name="Vagnarelli, Alessio" userId="7630aed0-756e-42de-813a-0c9638cc0479" providerId="ADAL" clId="{7FFBA04C-581A-43BA-950C-614B95DF66A6}" dt="2025-06-16T17:39:15.594" v="1019" actId="20577"/>
        <pc:sldMkLst>
          <pc:docMk/>
          <pc:sldMk cId="3721528066" sldId="722"/>
        </pc:sldMkLst>
        <pc:spChg chg="mod">
          <ac:chgData name="Vagnarelli, Alessio" userId="7630aed0-756e-42de-813a-0c9638cc0479" providerId="ADAL" clId="{7FFBA04C-581A-43BA-950C-614B95DF66A6}" dt="2025-06-16T14:34:13.009" v="343" actId="14100"/>
          <ac:spMkLst>
            <pc:docMk/>
            <pc:sldMk cId="3721528066" sldId="722"/>
            <ac:spMk id="3" creationId="{00000000-0000-0000-0000-000000000000}"/>
          </ac:spMkLst>
        </pc:spChg>
        <pc:spChg chg="mod">
          <ac:chgData name="Vagnarelli, Alessio" userId="7630aed0-756e-42de-813a-0c9638cc0479" providerId="ADAL" clId="{7FFBA04C-581A-43BA-950C-614B95DF66A6}" dt="2025-06-16T17:39:15.594" v="1019" actId="20577"/>
          <ac:spMkLst>
            <pc:docMk/>
            <pc:sldMk cId="3721528066" sldId="722"/>
            <ac:spMk id="7" creationId="{CC083F2D-023C-444C-97E7-8442F50BF67C}"/>
          </ac:spMkLst>
        </pc:spChg>
      </pc:sldChg>
      <pc:sldChg chg="modSp add mod">
        <pc:chgData name="Vagnarelli, Alessio" userId="7630aed0-756e-42de-813a-0c9638cc0479" providerId="ADAL" clId="{7FFBA04C-581A-43BA-950C-614B95DF66A6}" dt="2025-06-17T11:22:38.416" v="1907" actId="6549"/>
        <pc:sldMkLst>
          <pc:docMk/>
          <pc:sldMk cId="2693344650" sldId="723"/>
        </pc:sldMkLst>
        <pc:spChg chg="mod">
          <ac:chgData name="Vagnarelli, Alessio" userId="7630aed0-756e-42de-813a-0c9638cc0479" providerId="ADAL" clId="{7FFBA04C-581A-43BA-950C-614B95DF66A6}" dt="2025-06-17T11:22:38.416" v="1907" actId="6549"/>
          <ac:spMkLst>
            <pc:docMk/>
            <pc:sldMk cId="2693344650" sldId="723"/>
            <ac:spMk id="3" creationId="{00000000-0000-0000-0000-000000000000}"/>
          </ac:spMkLst>
        </pc:spChg>
        <pc:spChg chg="mod">
          <ac:chgData name="Vagnarelli, Alessio" userId="7630aed0-756e-42de-813a-0c9638cc0479" providerId="ADAL" clId="{7FFBA04C-581A-43BA-950C-614B95DF66A6}" dt="2025-06-16T16:03:15.322" v="947" actId="123"/>
          <ac:spMkLst>
            <pc:docMk/>
            <pc:sldMk cId="2693344650" sldId="723"/>
            <ac:spMk id="7" creationId="{CC083F2D-023C-444C-97E7-8442F50BF67C}"/>
          </ac:spMkLst>
        </pc:spChg>
      </pc:sldChg>
      <pc:sldChg chg="modSp add del mod">
        <pc:chgData name="Vagnarelli, Alessio" userId="7630aed0-756e-42de-813a-0c9638cc0479" providerId="ADAL" clId="{7FFBA04C-581A-43BA-950C-614B95DF66A6}" dt="2025-06-16T14:51:41.033" v="619" actId="47"/>
        <pc:sldMkLst>
          <pc:docMk/>
          <pc:sldMk cId="536496750" sldId="724"/>
        </pc:sldMkLst>
        <pc:spChg chg="mod">
          <ac:chgData name="Vagnarelli, Alessio" userId="7630aed0-756e-42de-813a-0c9638cc0479" providerId="ADAL" clId="{7FFBA04C-581A-43BA-950C-614B95DF66A6}" dt="2025-06-16T14:40:36.803" v="416" actId="1076"/>
          <ac:spMkLst>
            <pc:docMk/>
            <pc:sldMk cId="536496750" sldId="724"/>
            <ac:spMk id="7" creationId="{CC083F2D-023C-444C-97E7-8442F50BF67C}"/>
          </ac:spMkLst>
        </pc:spChg>
      </pc:sldChg>
      <pc:sldChg chg="add del">
        <pc:chgData name="Vagnarelli, Alessio" userId="7630aed0-756e-42de-813a-0c9638cc0479" providerId="ADAL" clId="{7FFBA04C-581A-43BA-950C-614B95DF66A6}" dt="2025-06-16T17:40:00.865" v="1020" actId="47"/>
        <pc:sldMkLst>
          <pc:docMk/>
          <pc:sldMk cId="3288791088" sldId="725"/>
        </pc:sldMkLst>
      </pc:sldChg>
      <pc:sldChg chg="addSp modSp add mod modAnim">
        <pc:chgData name="Vagnarelli, Alessio" userId="7630aed0-756e-42de-813a-0c9638cc0479" providerId="ADAL" clId="{7FFBA04C-581A-43BA-950C-614B95DF66A6}" dt="2025-06-17T11:23:26.831" v="1915" actId="20577"/>
        <pc:sldMkLst>
          <pc:docMk/>
          <pc:sldMk cId="4279522643" sldId="726"/>
        </pc:sldMkLst>
        <pc:spChg chg="add mod">
          <ac:chgData name="Vagnarelli, Alessio" userId="7630aed0-756e-42de-813a-0c9638cc0479" providerId="ADAL" clId="{7FFBA04C-581A-43BA-950C-614B95DF66A6}" dt="2025-06-16T17:40:33.524" v="1048" actId="1076"/>
          <ac:spMkLst>
            <pc:docMk/>
            <pc:sldMk cId="4279522643" sldId="726"/>
            <ac:spMk id="2" creationId="{A3E7C1E8-A336-DEE6-ACCF-091394DCDFE6}"/>
          </ac:spMkLst>
        </pc:spChg>
        <pc:spChg chg="mod">
          <ac:chgData name="Vagnarelli, Alessio" userId="7630aed0-756e-42de-813a-0c9638cc0479" providerId="ADAL" clId="{7FFBA04C-581A-43BA-950C-614B95DF66A6}" dt="2025-06-17T11:22:41.985" v="1908" actId="6549"/>
          <ac:spMkLst>
            <pc:docMk/>
            <pc:sldMk cId="4279522643" sldId="726"/>
            <ac:spMk id="3" creationId="{00000000-0000-0000-0000-000000000000}"/>
          </ac:spMkLst>
        </pc:spChg>
        <pc:spChg chg="add mod">
          <ac:chgData name="Vagnarelli, Alessio" userId="7630aed0-756e-42de-813a-0c9638cc0479" providerId="ADAL" clId="{7FFBA04C-581A-43BA-950C-614B95DF66A6}" dt="2025-06-16T17:40:48.663" v="1053" actId="6549"/>
          <ac:spMkLst>
            <pc:docMk/>
            <pc:sldMk cId="4279522643" sldId="726"/>
            <ac:spMk id="4" creationId="{E31D65FF-BA77-542B-A6A7-82513BC2D8E6}"/>
          </ac:spMkLst>
        </pc:spChg>
        <pc:spChg chg="add mod">
          <ac:chgData name="Vagnarelli, Alessio" userId="7630aed0-756e-42de-813a-0c9638cc0479" providerId="ADAL" clId="{7FFBA04C-581A-43BA-950C-614B95DF66A6}" dt="2025-06-16T17:40:51.808" v="1054" actId="1076"/>
          <ac:spMkLst>
            <pc:docMk/>
            <pc:sldMk cId="4279522643" sldId="726"/>
            <ac:spMk id="5" creationId="{4EB4EA36-AA90-1639-CF50-CAF905E9C3D1}"/>
          </ac:spMkLst>
        </pc:spChg>
        <pc:spChg chg="mod">
          <ac:chgData name="Vagnarelli, Alessio" userId="7630aed0-756e-42de-813a-0c9638cc0479" providerId="ADAL" clId="{7FFBA04C-581A-43BA-950C-614B95DF66A6}" dt="2025-06-17T11:23:26.831" v="1915" actId="20577"/>
          <ac:spMkLst>
            <pc:docMk/>
            <pc:sldMk cId="4279522643" sldId="726"/>
            <ac:spMk id="7" creationId="{CC083F2D-023C-444C-97E7-8442F50BF67C}"/>
          </ac:spMkLst>
        </pc:spChg>
      </pc:sldChg>
      <pc:sldChg chg="modSp add mod">
        <pc:chgData name="Vagnarelli, Alessio" userId="7630aed0-756e-42de-813a-0c9638cc0479" providerId="ADAL" clId="{7FFBA04C-581A-43BA-950C-614B95DF66A6}" dt="2025-06-16T17:41:54.095" v="1057" actId="115"/>
        <pc:sldMkLst>
          <pc:docMk/>
          <pc:sldMk cId="526619928" sldId="727"/>
        </pc:sldMkLst>
        <pc:spChg chg="mod">
          <ac:chgData name="Vagnarelli, Alessio" userId="7630aed0-756e-42de-813a-0c9638cc0479" providerId="ADAL" clId="{7FFBA04C-581A-43BA-950C-614B95DF66A6}" dt="2025-06-16T17:41:54.095" v="1057" actId="115"/>
          <ac:spMkLst>
            <pc:docMk/>
            <pc:sldMk cId="526619928" sldId="727"/>
            <ac:spMk id="2" creationId="{A3E7C1E8-A336-DEE6-ACCF-091394DCDFE6}"/>
          </ac:spMkLst>
        </pc:spChg>
        <pc:spChg chg="mod">
          <ac:chgData name="Vagnarelli, Alessio" userId="7630aed0-756e-42de-813a-0c9638cc0479" providerId="ADAL" clId="{7FFBA04C-581A-43BA-950C-614B95DF66A6}" dt="2025-06-16T17:41:26.284" v="1056" actId="113"/>
          <ac:spMkLst>
            <pc:docMk/>
            <pc:sldMk cId="526619928" sldId="727"/>
            <ac:spMk id="7" creationId="{CC083F2D-023C-444C-97E7-8442F50BF67C}"/>
          </ac:spMkLst>
        </pc:spChg>
      </pc:sldChg>
      <pc:sldChg chg="modSp add mod modAnim">
        <pc:chgData name="Vagnarelli, Alessio" userId="7630aed0-756e-42de-813a-0c9638cc0479" providerId="ADAL" clId="{7FFBA04C-581A-43BA-950C-614B95DF66A6}" dt="2025-06-16T18:02:28.449" v="1220" actId="1076"/>
        <pc:sldMkLst>
          <pc:docMk/>
          <pc:sldMk cId="2019923916" sldId="728"/>
        </pc:sldMkLst>
        <pc:spChg chg="mod">
          <ac:chgData name="Vagnarelli, Alessio" userId="7630aed0-756e-42de-813a-0c9638cc0479" providerId="ADAL" clId="{7FFBA04C-581A-43BA-950C-614B95DF66A6}" dt="2025-06-16T17:42:02.593" v="1058" actId="115"/>
          <ac:spMkLst>
            <pc:docMk/>
            <pc:sldMk cId="2019923916" sldId="728"/>
            <ac:spMk id="2" creationId="{A3E7C1E8-A336-DEE6-ACCF-091394DCDFE6}"/>
          </ac:spMkLst>
        </pc:spChg>
        <pc:spChg chg="mod">
          <ac:chgData name="Vagnarelli, Alessio" userId="7630aed0-756e-42de-813a-0c9638cc0479" providerId="ADAL" clId="{7FFBA04C-581A-43BA-950C-614B95DF66A6}" dt="2025-06-16T18:02:28.449" v="1220" actId="1076"/>
          <ac:spMkLst>
            <pc:docMk/>
            <pc:sldMk cId="2019923916" sldId="728"/>
            <ac:spMk id="7" creationId="{CC083F2D-023C-444C-97E7-8442F50BF67C}"/>
          </ac:spMkLst>
        </pc:spChg>
      </pc:sldChg>
      <pc:sldChg chg="addSp delSp modSp add mod delAnim modAnim">
        <pc:chgData name="Vagnarelli, Alessio" userId="7630aed0-756e-42de-813a-0c9638cc0479" providerId="ADAL" clId="{7FFBA04C-581A-43BA-950C-614B95DF66A6}" dt="2025-06-16T17:47:57.677" v="1139" actId="1076"/>
        <pc:sldMkLst>
          <pc:docMk/>
          <pc:sldMk cId="3512355179" sldId="729"/>
        </pc:sldMkLst>
        <pc:spChg chg="del">
          <ac:chgData name="Vagnarelli, Alessio" userId="7630aed0-756e-42de-813a-0c9638cc0479" providerId="ADAL" clId="{7FFBA04C-581A-43BA-950C-614B95DF66A6}" dt="2025-06-16T14:59:23.328" v="741" actId="21"/>
          <ac:spMkLst>
            <pc:docMk/>
            <pc:sldMk cId="3512355179" sldId="729"/>
            <ac:spMk id="2" creationId="{A3E7C1E8-A336-DEE6-ACCF-091394DCDFE6}"/>
          </ac:spMkLst>
        </pc:spChg>
        <pc:spChg chg="add mod">
          <ac:chgData name="Vagnarelli, Alessio" userId="7630aed0-756e-42de-813a-0c9638cc0479" providerId="ADAL" clId="{7FFBA04C-581A-43BA-950C-614B95DF66A6}" dt="2025-06-16T17:47:57.677" v="1139" actId="1076"/>
          <ac:spMkLst>
            <pc:docMk/>
            <pc:sldMk cId="3512355179" sldId="729"/>
            <ac:spMk id="4" creationId="{BBFC9345-65F1-5CF9-15F7-76DBC1CB133F}"/>
          </ac:spMkLst>
        </pc:spChg>
        <pc:spChg chg="mod">
          <ac:chgData name="Vagnarelli, Alessio" userId="7630aed0-756e-42de-813a-0c9638cc0479" providerId="ADAL" clId="{7FFBA04C-581A-43BA-950C-614B95DF66A6}" dt="2025-06-16T17:46:37.370" v="1134" actId="114"/>
          <ac:spMkLst>
            <pc:docMk/>
            <pc:sldMk cId="3512355179" sldId="729"/>
            <ac:spMk id="7" creationId="{CC083F2D-023C-444C-97E7-8442F50BF67C}"/>
          </ac:spMkLst>
        </pc:spChg>
      </pc:sldChg>
      <pc:sldChg chg="addSp modSp add mod modAnim">
        <pc:chgData name="Vagnarelli, Alessio" userId="7630aed0-756e-42de-813a-0c9638cc0479" providerId="ADAL" clId="{7FFBA04C-581A-43BA-950C-614B95DF66A6}" dt="2025-06-17T11:33:14.327" v="2054" actId="6549"/>
        <pc:sldMkLst>
          <pc:docMk/>
          <pc:sldMk cId="4162561328" sldId="730"/>
        </pc:sldMkLst>
        <pc:spChg chg="add mod">
          <ac:chgData name="Vagnarelli, Alessio" userId="7630aed0-756e-42de-813a-0c9638cc0479" providerId="ADAL" clId="{7FFBA04C-581A-43BA-950C-614B95DF66A6}" dt="2025-06-17T11:31:43.420" v="1918"/>
          <ac:spMkLst>
            <pc:docMk/>
            <pc:sldMk cId="4162561328" sldId="730"/>
            <ac:spMk id="2" creationId="{EE2B4441-FD40-F155-E78F-2EB02ADB7F6A}"/>
          </ac:spMkLst>
        </pc:spChg>
        <pc:spChg chg="mod">
          <ac:chgData name="Vagnarelli, Alessio" userId="7630aed0-756e-42de-813a-0c9638cc0479" providerId="ADAL" clId="{7FFBA04C-581A-43BA-950C-614B95DF66A6}" dt="2025-06-17T11:33:14.327" v="2054" actId="6549"/>
          <ac:spMkLst>
            <pc:docMk/>
            <pc:sldMk cId="4162561328" sldId="730"/>
            <ac:spMk id="7" creationId="{CC083F2D-023C-444C-97E7-8442F50BF67C}"/>
          </ac:spMkLst>
        </pc:spChg>
      </pc:sldChg>
      <pc:sldChg chg="modSp add del">
        <pc:chgData name="Vagnarelli, Alessio" userId="7630aed0-756e-42de-813a-0c9638cc0479" providerId="ADAL" clId="{7FFBA04C-581A-43BA-950C-614B95DF66A6}" dt="2025-06-16T17:48:47.328" v="1147" actId="47"/>
        <pc:sldMkLst>
          <pc:docMk/>
          <pc:sldMk cId="3588618087" sldId="731"/>
        </pc:sldMkLst>
        <pc:spChg chg="mod">
          <ac:chgData name="Vagnarelli, Alessio" userId="7630aed0-756e-42de-813a-0c9638cc0479" providerId="ADAL" clId="{7FFBA04C-581A-43BA-950C-614B95DF66A6}" dt="2025-06-16T15:07:54.712" v="783" actId="6549"/>
          <ac:spMkLst>
            <pc:docMk/>
            <pc:sldMk cId="3588618087" sldId="731"/>
            <ac:spMk id="7" creationId="{CC083F2D-023C-444C-97E7-8442F50BF67C}"/>
          </ac:spMkLst>
        </pc:spChg>
      </pc:sldChg>
      <pc:sldChg chg="addSp delSp modSp add mod">
        <pc:chgData name="Vagnarelli, Alessio" userId="7630aed0-756e-42de-813a-0c9638cc0479" providerId="ADAL" clId="{7FFBA04C-581A-43BA-950C-614B95DF66A6}" dt="2025-06-16T17:59:38.399" v="1214" actId="20577"/>
        <pc:sldMkLst>
          <pc:docMk/>
          <pc:sldMk cId="465603150" sldId="732"/>
        </pc:sldMkLst>
        <pc:spChg chg="add del mod">
          <ac:chgData name="Vagnarelli, Alessio" userId="7630aed0-756e-42de-813a-0c9638cc0479" providerId="ADAL" clId="{7FFBA04C-581A-43BA-950C-614B95DF66A6}" dt="2025-06-16T17:48:25.615" v="1145" actId="21"/>
          <ac:spMkLst>
            <pc:docMk/>
            <pc:sldMk cId="465603150" sldId="732"/>
            <ac:spMk id="4" creationId="{F8BCDB3F-8181-AC37-E728-4FE14AC464FB}"/>
          </ac:spMkLst>
        </pc:spChg>
        <pc:spChg chg="mod">
          <ac:chgData name="Vagnarelli, Alessio" userId="7630aed0-756e-42de-813a-0c9638cc0479" providerId="ADAL" clId="{7FFBA04C-581A-43BA-950C-614B95DF66A6}" dt="2025-06-16T17:59:38.399" v="1214" actId="20577"/>
          <ac:spMkLst>
            <pc:docMk/>
            <pc:sldMk cId="465603150" sldId="732"/>
            <ac:spMk id="7" creationId="{CC083F2D-023C-444C-97E7-8442F50BF67C}"/>
          </ac:spMkLst>
        </pc:spChg>
      </pc:sldChg>
      <pc:sldChg chg="modSp add mod">
        <pc:chgData name="Vagnarelli, Alessio" userId="7630aed0-756e-42de-813a-0c9638cc0479" providerId="ADAL" clId="{7FFBA04C-581A-43BA-950C-614B95DF66A6}" dt="2025-06-16T17:59:56.156" v="1218" actId="20577"/>
        <pc:sldMkLst>
          <pc:docMk/>
          <pc:sldMk cId="1050562847" sldId="733"/>
        </pc:sldMkLst>
        <pc:spChg chg="mod">
          <ac:chgData name="Vagnarelli, Alessio" userId="7630aed0-756e-42de-813a-0c9638cc0479" providerId="ADAL" clId="{7FFBA04C-581A-43BA-950C-614B95DF66A6}" dt="2025-06-16T17:59:56.156" v="1218" actId="20577"/>
          <ac:spMkLst>
            <pc:docMk/>
            <pc:sldMk cId="1050562847" sldId="733"/>
            <ac:spMk id="7" creationId="{CC083F2D-023C-444C-97E7-8442F50BF67C}"/>
          </ac:spMkLst>
        </pc:spChg>
      </pc:sldChg>
      <pc:sldChg chg="del">
        <pc:chgData name="Vagnarelli, Alessio" userId="7630aed0-756e-42de-813a-0c9638cc0479" providerId="ADAL" clId="{7FFBA04C-581A-43BA-950C-614B95DF66A6}" dt="2025-06-16T14:09:23.480" v="29" actId="47"/>
        <pc:sldMkLst>
          <pc:docMk/>
          <pc:sldMk cId="1735445810" sldId="829"/>
        </pc:sldMkLst>
      </pc:sldChg>
      <pc:sldChg chg="del">
        <pc:chgData name="Vagnarelli, Alessio" userId="7630aed0-756e-42de-813a-0c9638cc0479" providerId="ADAL" clId="{7FFBA04C-581A-43BA-950C-614B95DF66A6}" dt="2025-06-16T14:09:57.493" v="39" actId="47"/>
        <pc:sldMkLst>
          <pc:docMk/>
          <pc:sldMk cId="1182629363" sldId="830"/>
        </pc:sldMkLst>
      </pc:sldChg>
      <pc:sldChg chg="del">
        <pc:chgData name="Vagnarelli, Alessio" userId="7630aed0-756e-42de-813a-0c9638cc0479" providerId="ADAL" clId="{7FFBA04C-581A-43BA-950C-614B95DF66A6}" dt="2025-06-16T14:09:44.906" v="32" actId="47"/>
        <pc:sldMkLst>
          <pc:docMk/>
          <pc:sldMk cId="1427715236" sldId="831"/>
        </pc:sldMkLst>
      </pc:sldChg>
      <pc:sldChg chg="del">
        <pc:chgData name="Vagnarelli, Alessio" userId="7630aed0-756e-42de-813a-0c9638cc0479" providerId="ADAL" clId="{7FFBA04C-581A-43BA-950C-614B95DF66A6}" dt="2025-06-16T14:09:56.466" v="38" actId="47"/>
        <pc:sldMkLst>
          <pc:docMk/>
          <pc:sldMk cId="4162506787" sldId="854"/>
        </pc:sldMkLst>
      </pc:sldChg>
      <pc:sldChg chg="del">
        <pc:chgData name="Vagnarelli, Alessio" userId="7630aed0-756e-42de-813a-0c9638cc0479" providerId="ADAL" clId="{7FFBA04C-581A-43BA-950C-614B95DF66A6}" dt="2025-06-16T14:09:58.629" v="40" actId="47"/>
        <pc:sldMkLst>
          <pc:docMk/>
          <pc:sldMk cId="3665489128" sldId="859"/>
        </pc:sldMkLst>
      </pc:sldChg>
      <pc:sldChg chg="del">
        <pc:chgData name="Vagnarelli, Alessio" userId="7630aed0-756e-42de-813a-0c9638cc0479" providerId="ADAL" clId="{7FFBA04C-581A-43BA-950C-614B95DF66A6}" dt="2025-06-16T14:09:40.623" v="31" actId="47"/>
        <pc:sldMkLst>
          <pc:docMk/>
          <pc:sldMk cId="185494494" sldId="860"/>
        </pc:sldMkLst>
      </pc:sldChg>
      <pc:sldChg chg="del">
        <pc:chgData name="Vagnarelli, Alessio" userId="7630aed0-756e-42de-813a-0c9638cc0479" providerId="ADAL" clId="{7FFBA04C-581A-43BA-950C-614B95DF66A6}" dt="2025-06-16T14:09:45.885" v="33" actId="47"/>
        <pc:sldMkLst>
          <pc:docMk/>
          <pc:sldMk cId="491936847" sldId="869"/>
        </pc:sldMkLst>
      </pc:sldChg>
      <pc:sldChg chg="del">
        <pc:chgData name="Vagnarelli, Alessio" userId="7630aed0-756e-42de-813a-0c9638cc0479" providerId="ADAL" clId="{7FFBA04C-581A-43BA-950C-614B95DF66A6}" dt="2025-06-16T14:09:24.363" v="30" actId="47"/>
        <pc:sldMkLst>
          <pc:docMk/>
          <pc:sldMk cId="2094641581" sldId="876"/>
        </pc:sldMkLst>
      </pc:sldChg>
      <pc:sldChg chg="del">
        <pc:chgData name="Vagnarelli, Alessio" userId="7630aed0-756e-42de-813a-0c9638cc0479" providerId="ADAL" clId="{7FFBA04C-581A-43BA-950C-614B95DF66A6}" dt="2025-06-16T14:09:48.278" v="34" actId="47"/>
        <pc:sldMkLst>
          <pc:docMk/>
          <pc:sldMk cId="3194756681" sldId="877"/>
        </pc:sldMkLst>
      </pc:sldChg>
      <pc:sldChg chg="del">
        <pc:chgData name="Vagnarelli, Alessio" userId="7630aed0-756e-42de-813a-0c9638cc0479" providerId="ADAL" clId="{7FFBA04C-581A-43BA-950C-614B95DF66A6}" dt="2025-06-16T14:09:50.712" v="35" actId="47"/>
        <pc:sldMkLst>
          <pc:docMk/>
          <pc:sldMk cId="3228397563" sldId="878"/>
        </pc:sldMkLst>
      </pc:sldChg>
      <pc:sldChg chg="del">
        <pc:chgData name="Vagnarelli, Alessio" userId="7630aed0-756e-42de-813a-0c9638cc0479" providerId="ADAL" clId="{7FFBA04C-581A-43BA-950C-614B95DF66A6}" dt="2025-06-16T14:09:52.177" v="36" actId="47"/>
        <pc:sldMkLst>
          <pc:docMk/>
          <pc:sldMk cId="3139005852" sldId="880"/>
        </pc:sldMkLst>
      </pc:sldChg>
      <pc:sldChg chg="del">
        <pc:chgData name="Vagnarelli, Alessio" userId="7630aed0-756e-42de-813a-0c9638cc0479" providerId="ADAL" clId="{7FFBA04C-581A-43BA-950C-614B95DF66A6}" dt="2025-06-16T14:09:55.095" v="37" actId="47"/>
        <pc:sldMkLst>
          <pc:docMk/>
          <pc:sldMk cId="3277841619" sldId="881"/>
        </pc:sldMkLst>
      </pc:sldChg>
      <pc:sldChg chg="del">
        <pc:chgData name="Vagnarelli, Alessio" userId="7630aed0-756e-42de-813a-0c9638cc0479" providerId="ADAL" clId="{7FFBA04C-581A-43BA-950C-614B95DF66A6}" dt="2025-06-16T14:10:03.378" v="42" actId="47"/>
        <pc:sldMkLst>
          <pc:docMk/>
          <pc:sldMk cId="3249219027" sldId="882"/>
        </pc:sldMkLst>
      </pc:sldChg>
      <pc:sldChg chg="del">
        <pc:chgData name="Vagnarelli, Alessio" userId="7630aed0-756e-42de-813a-0c9638cc0479" providerId="ADAL" clId="{7FFBA04C-581A-43BA-950C-614B95DF66A6}" dt="2025-06-16T14:10:05.265" v="44" actId="47"/>
        <pc:sldMkLst>
          <pc:docMk/>
          <pc:sldMk cId="2855402657" sldId="883"/>
        </pc:sldMkLst>
      </pc:sldChg>
      <pc:sldChg chg="del">
        <pc:chgData name="Vagnarelli, Alessio" userId="7630aed0-756e-42de-813a-0c9638cc0479" providerId="ADAL" clId="{7FFBA04C-581A-43BA-950C-614B95DF66A6}" dt="2025-06-16T14:10:04.333" v="43" actId="47"/>
        <pc:sldMkLst>
          <pc:docMk/>
          <pc:sldMk cId="1613224821" sldId="884"/>
        </pc:sldMkLst>
      </pc:sldChg>
      <pc:sldChg chg="del">
        <pc:chgData name="Vagnarelli, Alessio" userId="7630aed0-756e-42de-813a-0c9638cc0479" providerId="ADAL" clId="{7FFBA04C-581A-43BA-950C-614B95DF66A6}" dt="2025-06-16T14:10:02.277" v="41" actId="47"/>
        <pc:sldMkLst>
          <pc:docMk/>
          <pc:sldMk cId="3569033244" sldId="885"/>
        </pc:sldMkLst>
      </pc:sldChg>
      <pc:sldChg chg="modSp mod">
        <pc:chgData name="Vagnarelli, Alessio" userId="7630aed0-756e-42de-813a-0c9638cc0479" providerId="ADAL" clId="{7FFBA04C-581A-43BA-950C-614B95DF66A6}" dt="2025-06-16T18:03:39.697" v="1224" actId="14100"/>
        <pc:sldMkLst>
          <pc:docMk/>
          <pc:sldMk cId="2241761266" sldId="912"/>
        </pc:sldMkLst>
        <pc:spChg chg="mod">
          <ac:chgData name="Vagnarelli, Alessio" userId="7630aed0-756e-42de-813a-0c9638cc0479" providerId="ADAL" clId="{7FFBA04C-581A-43BA-950C-614B95DF66A6}" dt="2025-06-16T18:03:39.697" v="1224" actId="14100"/>
          <ac:spMkLst>
            <pc:docMk/>
            <pc:sldMk cId="2241761266" sldId="912"/>
            <ac:spMk id="2" creationId="{1A53A8AD-38C0-4854-81B3-9B99B4E007ED}"/>
          </ac:spMkLst>
        </pc:spChg>
      </pc:sldChg>
      <pc:sldChg chg="modSp mod">
        <pc:chgData name="Vagnarelli, Alessio" userId="7630aed0-756e-42de-813a-0c9638cc0479" providerId="ADAL" clId="{7FFBA04C-581A-43BA-950C-614B95DF66A6}" dt="2025-06-16T18:05:18.269" v="1386" actId="20577"/>
        <pc:sldMkLst>
          <pc:docMk/>
          <pc:sldMk cId="3144134644" sldId="914"/>
        </pc:sldMkLst>
        <pc:spChg chg="mod">
          <ac:chgData name="Vagnarelli, Alessio" userId="7630aed0-756e-42de-813a-0c9638cc0479" providerId="ADAL" clId="{7FFBA04C-581A-43BA-950C-614B95DF66A6}" dt="2025-06-16T18:05:18.269" v="1386" actId="20577"/>
          <ac:spMkLst>
            <pc:docMk/>
            <pc:sldMk cId="3144134644" sldId="914"/>
            <ac:spMk id="2" creationId="{1A53A8AD-38C0-4854-81B3-9B99B4E007ED}"/>
          </ac:spMkLst>
        </pc:spChg>
      </pc:sldChg>
      <pc:sldChg chg="modSp add mod ord">
        <pc:chgData name="Vagnarelli, Alessio" userId="7630aed0-756e-42de-813a-0c9638cc0479" providerId="ADAL" clId="{7FFBA04C-581A-43BA-950C-614B95DF66A6}" dt="2025-06-16T18:13:18.300" v="1572" actId="108"/>
        <pc:sldMkLst>
          <pc:docMk/>
          <pc:sldMk cId="476458170" sldId="915"/>
        </pc:sldMkLst>
        <pc:spChg chg="mod">
          <ac:chgData name="Vagnarelli, Alessio" userId="7630aed0-756e-42de-813a-0c9638cc0479" providerId="ADAL" clId="{7FFBA04C-581A-43BA-950C-614B95DF66A6}" dt="2025-06-16T18:13:18.300" v="1572" actId="108"/>
          <ac:spMkLst>
            <pc:docMk/>
            <pc:sldMk cId="476458170" sldId="915"/>
            <ac:spMk id="3" creationId="{00000000-0000-0000-0000-000000000000}"/>
          </ac:spMkLst>
        </pc:spChg>
        <pc:spChg chg="mod">
          <ac:chgData name="Vagnarelli, Alessio" userId="7630aed0-756e-42de-813a-0c9638cc0479" providerId="ADAL" clId="{7FFBA04C-581A-43BA-950C-614B95DF66A6}" dt="2025-06-16T18:08:21.240" v="1491" actId="6549"/>
          <ac:spMkLst>
            <pc:docMk/>
            <pc:sldMk cId="476458170" sldId="915"/>
            <ac:spMk id="7" creationId="{CC083F2D-023C-444C-97E7-8442F50BF67C}"/>
          </ac:spMkLst>
        </pc:spChg>
      </pc:sldChg>
      <pc:sldChg chg="modSp add mod">
        <pc:chgData name="Vagnarelli, Alessio" userId="7630aed0-756e-42de-813a-0c9638cc0479" providerId="ADAL" clId="{7FFBA04C-581A-43BA-950C-614B95DF66A6}" dt="2025-06-16T18:13:24.989" v="1574"/>
        <pc:sldMkLst>
          <pc:docMk/>
          <pc:sldMk cId="2997973275" sldId="916"/>
        </pc:sldMkLst>
        <pc:spChg chg="mod">
          <ac:chgData name="Vagnarelli, Alessio" userId="7630aed0-756e-42de-813a-0c9638cc0479" providerId="ADAL" clId="{7FFBA04C-581A-43BA-950C-614B95DF66A6}" dt="2025-06-16T18:13:24.989" v="1574"/>
          <ac:spMkLst>
            <pc:docMk/>
            <pc:sldMk cId="2997973275" sldId="916"/>
            <ac:spMk id="3" creationId="{00000000-0000-0000-0000-000000000000}"/>
          </ac:spMkLst>
        </pc:spChg>
        <pc:spChg chg="mod">
          <ac:chgData name="Vagnarelli, Alessio" userId="7630aed0-756e-42de-813a-0c9638cc0479" providerId="ADAL" clId="{7FFBA04C-581A-43BA-950C-614B95DF66A6}" dt="2025-06-16T18:09:58.211" v="1501" actId="123"/>
          <ac:spMkLst>
            <pc:docMk/>
            <pc:sldMk cId="2997973275" sldId="916"/>
            <ac:spMk id="7" creationId="{CC083F2D-023C-444C-97E7-8442F50BF67C}"/>
          </ac:spMkLst>
        </pc:spChg>
      </pc:sldChg>
      <pc:sldChg chg="addSp delSp modSp add mod delAnim">
        <pc:chgData name="Vagnarelli, Alessio" userId="7630aed0-756e-42de-813a-0c9638cc0479" providerId="ADAL" clId="{7FFBA04C-581A-43BA-950C-614B95DF66A6}" dt="2025-06-16T18:13:41.020" v="1605" actId="20577"/>
        <pc:sldMkLst>
          <pc:docMk/>
          <pc:sldMk cId="3848527585" sldId="917"/>
        </pc:sldMkLst>
        <pc:spChg chg="mod">
          <ac:chgData name="Vagnarelli, Alessio" userId="7630aed0-756e-42de-813a-0c9638cc0479" providerId="ADAL" clId="{7FFBA04C-581A-43BA-950C-614B95DF66A6}" dt="2025-06-16T18:13:41.020" v="1605" actId="20577"/>
          <ac:spMkLst>
            <pc:docMk/>
            <pc:sldMk cId="3848527585" sldId="917"/>
            <ac:spMk id="3" creationId="{00000000-0000-0000-0000-000000000000}"/>
          </ac:spMkLst>
        </pc:spChg>
        <pc:spChg chg="del">
          <ac:chgData name="Vagnarelli, Alessio" userId="7630aed0-756e-42de-813a-0c9638cc0479" providerId="ADAL" clId="{7FFBA04C-581A-43BA-950C-614B95DF66A6}" dt="2025-06-16T18:09:33.184" v="1496" actId="21"/>
          <ac:spMkLst>
            <pc:docMk/>
            <pc:sldMk cId="3848527585" sldId="917"/>
            <ac:spMk id="7" creationId="{CC083F2D-023C-444C-97E7-8442F50BF67C}"/>
          </ac:spMkLst>
        </pc:spChg>
        <pc:picChg chg="add mod">
          <ac:chgData name="Vagnarelli, Alessio" userId="7630aed0-756e-42de-813a-0c9638cc0479" providerId="ADAL" clId="{7FFBA04C-581A-43BA-950C-614B95DF66A6}" dt="2025-06-16T18:09:42.728" v="1499" actId="1076"/>
          <ac:picMkLst>
            <pc:docMk/>
            <pc:sldMk cId="3848527585" sldId="917"/>
            <ac:picMk id="4" creationId="{21F3C8B6-5E0D-693F-ABDC-D6C95714B855}"/>
          </ac:picMkLst>
        </pc:picChg>
      </pc:sldChg>
      <pc:sldChg chg="modSp add mod ord">
        <pc:chgData name="Vagnarelli, Alessio" userId="7630aed0-756e-42de-813a-0c9638cc0479" providerId="ADAL" clId="{7FFBA04C-581A-43BA-950C-614B95DF66A6}" dt="2025-06-16T18:13:58.150" v="1609"/>
        <pc:sldMkLst>
          <pc:docMk/>
          <pc:sldMk cId="4040158322" sldId="918"/>
        </pc:sldMkLst>
        <pc:spChg chg="mod">
          <ac:chgData name="Vagnarelli, Alessio" userId="7630aed0-756e-42de-813a-0c9638cc0479" providerId="ADAL" clId="{7FFBA04C-581A-43BA-950C-614B95DF66A6}" dt="2025-06-16T18:13:53.872" v="1607"/>
          <ac:spMkLst>
            <pc:docMk/>
            <pc:sldMk cId="4040158322" sldId="918"/>
            <ac:spMk id="3" creationId="{00000000-0000-0000-0000-000000000000}"/>
          </ac:spMkLst>
        </pc:spChg>
        <pc:spChg chg="mod">
          <ac:chgData name="Vagnarelli, Alessio" userId="7630aed0-756e-42de-813a-0c9638cc0479" providerId="ADAL" clId="{7FFBA04C-581A-43BA-950C-614B95DF66A6}" dt="2025-06-16T18:10:40.244" v="1511" actId="123"/>
          <ac:spMkLst>
            <pc:docMk/>
            <pc:sldMk cId="4040158322" sldId="918"/>
            <ac:spMk id="7" creationId="{CC083F2D-023C-444C-97E7-8442F50BF67C}"/>
          </ac:spMkLst>
        </pc:spChg>
      </pc:sldChg>
      <pc:sldChg chg="modSp add mod ord">
        <pc:chgData name="Vagnarelli, Alessio" userId="7630aed0-756e-42de-813a-0c9638cc0479" providerId="ADAL" clId="{7FFBA04C-581A-43BA-950C-614B95DF66A6}" dt="2025-06-16T18:14:00.149" v="1611"/>
        <pc:sldMkLst>
          <pc:docMk/>
          <pc:sldMk cId="1490442223" sldId="919"/>
        </pc:sldMkLst>
        <pc:spChg chg="mod">
          <ac:chgData name="Vagnarelli, Alessio" userId="7630aed0-756e-42de-813a-0c9638cc0479" providerId="ADAL" clId="{7FFBA04C-581A-43BA-950C-614B95DF66A6}" dt="2025-06-16T18:11:10.735" v="1515" actId="3626"/>
          <ac:spMkLst>
            <pc:docMk/>
            <pc:sldMk cId="1490442223" sldId="919"/>
            <ac:spMk id="7" creationId="{CC083F2D-023C-444C-97E7-8442F50BF67C}"/>
          </ac:spMkLst>
        </pc:spChg>
      </pc:sldChg>
      <pc:sldChg chg="add del">
        <pc:chgData name="Vagnarelli, Alessio" userId="7630aed0-756e-42de-813a-0c9638cc0479" providerId="ADAL" clId="{7FFBA04C-581A-43BA-950C-614B95DF66A6}" dt="2025-06-16T18:14:06.959" v="1612" actId="47"/>
        <pc:sldMkLst>
          <pc:docMk/>
          <pc:sldMk cId="2913958976" sldId="920"/>
        </pc:sldMkLst>
      </pc:sldChg>
      <pc:sldChg chg="addSp delSp modSp add mod delAnim modAnim">
        <pc:chgData name="Vagnarelli, Alessio" userId="7630aed0-756e-42de-813a-0c9638cc0479" providerId="ADAL" clId="{7FFBA04C-581A-43BA-950C-614B95DF66A6}" dt="2025-06-16T18:16:34.647" v="1628" actId="313"/>
        <pc:sldMkLst>
          <pc:docMk/>
          <pc:sldMk cId="2557021631" sldId="921"/>
        </pc:sldMkLst>
        <pc:spChg chg="add mod">
          <ac:chgData name="Vagnarelli, Alessio" userId="7630aed0-756e-42de-813a-0c9638cc0479" providerId="ADAL" clId="{7FFBA04C-581A-43BA-950C-614B95DF66A6}" dt="2025-06-16T18:16:34.647" v="1628" actId="313"/>
          <ac:spMkLst>
            <pc:docMk/>
            <pc:sldMk cId="2557021631" sldId="921"/>
            <ac:spMk id="2" creationId="{9200565B-CD37-4409-0012-624F83C48DE0}"/>
          </ac:spMkLst>
        </pc:spChg>
        <pc:spChg chg="mod">
          <ac:chgData name="Vagnarelli, Alessio" userId="7630aed0-756e-42de-813a-0c9638cc0479" providerId="ADAL" clId="{7FFBA04C-581A-43BA-950C-614B95DF66A6}" dt="2025-06-16T18:14:23.194" v="1613"/>
          <ac:spMkLst>
            <pc:docMk/>
            <pc:sldMk cId="2557021631" sldId="921"/>
            <ac:spMk id="3" creationId="{00000000-0000-0000-0000-000000000000}"/>
          </ac:spMkLst>
        </pc:spChg>
        <pc:spChg chg="add mod">
          <ac:chgData name="Vagnarelli, Alessio" userId="7630aed0-756e-42de-813a-0c9638cc0479" providerId="ADAL" clId="{7FFBA04C-581A-43BA-950C-614B95DF66A6}" dt="2025-06-16T18:15:54.370" v="1617"/>
          <ac:spMkLst>
            <pc:docMk/>
            <pc:sldMk cId="2557021631" sldId="921"/>
            <ac:spMk id="4" creationId="{6A1322F1-CD29-F0F5-53B3-14AE7637BEC9}"/>
          </ac:spMkLst>
        </pc:spChg>
        <pc:spChg chg="del mod">
          <ac:chgData name="Vagnarelli, Alessio" userId="7630aed0-756e-42de-813a-0c9638cc0479" providerId="ADAL" clId="{7FFBA04C-581A-43BA-950C-614B95DF66A6}" dt="2025-06-16T18:15:58.654" v="1618" actId="21"/>
          <ac:spMkLst>
            <pc:docMk/>
            <pc:sldMk cId="2557021631" sldId="921"/>
            <ac:spMk id="7" creationId="{CC083F2D-023C-444C-97E7-8442F50BF67C}"/>
          </ac:spMkLst>
        </pc:spChg>
      </pc:sldChg>
      <pc:sldChg chg="add del">
        <pc:chgData name="Vagnarelli, Alessio" userId="7630aed0-756e-42de-813a-0c9638cc0479" providerId="ADAL" clId="{7FFBA04C-581A-43BA-950C-614B95DF66A6}" dt="2025-06-17T11:10:09.724" v="1901" actId="47"/>
        <pc:sldMkLst>
          <pc:docMk/>
          <pc:sldMk cId="1208324826" sldId="922"/>
        </pc:sldMkLst>
      </pc:sldChg>
      <pc:sldChg chg="modSp add mod">
        <pc:chgData name="Vagnarelli, Alessio" userId="7630aed0-756e-42de-813a-0c9638cc0479" providerId="ADAL" clId="{7FFBA04C-581A-43BA-950C-614B95DF66A6}" dt="2025-06-16T18:18:12.329" v="1641" actId="313"/>
        <pc:sldMkLst>
          <pc:docMk/>
          <pc:sldMk cId="3154659315" sldId="923"/>
        </pc:sldMkLst>
        <pc:spChg chg="mod">
          <ac:chgData name="Vagnarelli, Alessio" userId="7630aed0-756e-42de-813a-0c9638cc0479" providerId="ADAL" clId="{7FFBA04C-581A-43BA-950C-614B95DF66A6}" dt="2025-06-16T18:17:58.283" v="1632" actId="1076"/>
          <ac:spMkLst>
            <pc:docMk/>
            <pc:sldMk cId="3154659315" sldId="923"/>
            <ac:spMk id="2" creationId="{9200565B-CD37-4409-0012-624F83C48DE0}"/>
          </ac:spMkLst>
        </pc:spChg>
        <pc:spChg chg="mod">
          <ac:chgData name="Vagnarelli, Alessio" userId="7630aed0-756e-42de-813a-0c9638cc0479" providerId="ADAL" clId="{7FFBA04C-581A-43BA-950C-614B95DF66A6}" dt="2025-06-16T18:18:12.329" v="1641" actId="313"/>
          <ac:spMkLst>
            <pc:docMk/>
            <pc:sldMk cId="3154659315" sldId="923"/>
            <ac:spMk id="4" creationId="{6A1322F1-CD29-F0F5-53B3-14AE7637BEC9}"/>
          </ac:spMkLst>
        </pc:spChg>
      </pc:sldChg>
      <pc:sldChg chg="delSp modSp add mod delAnim">
        <pc:chgData name="Vagnarelli, Alessio" userId="7630aed0-756e-42de-813a-0c9638cc0479" providerId="ADAL" clId="{7FFBA04C-581A-43BA-950C-614B95DF66A6}" dt="2025-06-16T18:19:39.276" v="1658" actId="20577"/>
        <pc:sldMkLst>
          <pc:docMk/>
          <pc:sldMk cId="2637448155" sldId="924"/>
        </pc:sldMkLst>
        <pc:spChg chg="del">
          <ac:chgData name="Vagnarelli, Alessio" userId="7630aed0-756e-42de-813a-0c9638cc0479" providerId="ADAL" clId="{7FFBA04C-581A-43BA-950C-614B95DF66A6}" dt="2025-06-16T18:19:04.386" v="1645" actId="21"/>
          <ac:spMkLst>
            <pc:docMk/>
            <pc:sldMk cId="2637448155" sldId="924"/>
            <ac:spMk id="2" creationId="{9200565B-CD37-4409-0012-624F83C48DE0}"/>
          </ac:spMkLst>
        </pc:spChg>
        <pc:spChg chg="mod">
          <ac:chgData name="Vagnarelli, Alessio" userId="7630aed0-756e-42de-813a-0c9638cc0479" providerId="ADAL" clId="{7FFBA04C-581A-43BA-950C-614B95DF66A6}" dt="2025-06-16T18:19:39.276" v="1658" actId="20577"/>
          <ac:spMkLst>
            <pc:docMk/>
            <pc:sldMk cId="2637448155" sldId="924"/>
            <ac:spMk id="4" creationId="{6A1322F1-CD29-F0F5-53B3-14AE7637BEC9}"/>
          </ac:spMkLst>
        </pc:spChg>
      </pc:sldChg>
      <pc:sldChg chg="addSp delSp modSp add mod delAnim modAnim">
        <pc:chgData name="Vagnarelli, Alessio" userId="7630aed0-756e-42de-813a-0c9638cc0479" providerId="ADAL" clId="{7FFBA04C-581A-43BA-950C-614B95DF66A6}" dt="2025-06-17T11:35:21.317" v="2055" actId="20577"/>
        <pc:sldMkLst>
          <pc:docMk/>
          <pc:sldMk cId="555748716" sldId="925"/>
        </pc:sldMkLst>
        <pc:spChg chg="del">
          <ac:chgData name="Vagnarelli, Alessio" userId="7630aed0-756e-42de-813a-0c9638cc0479" providerId="ADAL" clId="{7FFBA04C-581A-43BA-950C-614B95DF66A6}" dt="2025-06-16T18:21:32.254" v="1661" actId="21"/>
          <ac:spMkLst>
            <pc:docMk/>
            <pc:sldMk cId="555748716" sldId="925"/>
            <ac:spMk id="4" creationId="{6A1322F1-CD29-F0F5-53B3-14AE7637BEC9}"/>
          </ac:spMkLst>
        </pc:spChg>
        <pc:spChg chg="add mod">
          <ac:chgData name="Vagnarelli, Alessio" userId="7630aed0-756e-42de-813a-0c9638cc0479" providerId="ADAL" clId="{7FFBA04C-581A-43BA-950C-614B95DF66A6}" dt="2025-06-17T11:35:21.317" v="2055" actId="20577"/>
          <ac:spMkLst>
            <pc:docMk/>
            <pc:sldMk cId="555748716" sldId="925"/>
            <ac:spMk id="6" creationId="{B8366263-9779-4E48-ABE8-E1EB7A8AC297}"/>
          </ac:spMkLst>
        </pc:spChg>
        <pc:picChg chg="add del mod">
          <ac:chgData name="Vagnarelli, Alessio" userId="7630aed0-756e-42de-813a-0c9638cc0479" providerId="ADAL" clId="{7FFBA04C-581A-43BA-950C-614B95DF66A6}" dt="2025-06-16T18:21:54.852" v="1667" actId="21"/>
          <ac:picMkLst>
            <pc:docMk/>
            <pc:sldMk cId="555748716" sldId="925"/>
            <ac:picMk id="5" creationId="{CF5A2F76-D50C-DB60-A453-7DC6289945F8}"/>
          </ac:picMkLst>
        </pc:picChg>
      </pc:sldChg>
      <pc:sldChg chg="modSp add modAnim">
        <pc:chgData name="Vagnarelli, Alessio" userId="7630aed0-756e-42de-813a-0c9638cc0479" providerId="ADAL" clId="{7FFBA04C-581A-43BA-950C-614B95DF66A6}" dt="2025-06-16T18:25:16.963" v="1730" actId="6549"/>
        <pc:sldMkLst>
          <pc:docMk/>
          <pc:sldMk cId="1170702064" sldId="926"/>
        </pc:sldMkLst>
        <pc:spChg chg="mod">
          <ac:chgData name="Vagnarelli, Alessio" userId="7630aed0-756e-42de-813a-0c9638cc0479" providerId="ADAL" clId="{7FFBA04C-581A-43BA-950C-614B95DF66A6}" dt="2025-06-16T18:25:16.963" v="1730" actId="6549"/>
          <ac:spMkLst>
            <pc:docMk/>
            <pc:sldMk cId="1170702064" sldId="926"/>
            <ac:spMk id="6" creationId="{B8366263-9779-4E48-ABE8-E1EB7A8AC297}"/>
          </ac:spMkLst>
        </pc:spChg>
      </pc:sldChg>
      <pc:sldChg chg="modSp add">
        <pc:chgData name="Vagnarelli, Alessio" userId="7630aed0-756e-42de-813a-0c9638cc0479" providerId="ADAL" clId="{7FFBA04C-581A-43BA-950C-614B95DF66A6}" dt="2025-06-17T11:11:10.860" v="1906" actId="20577"/>
        <pc:sldMkLst>
          <pc:docMk/>
          <pc:sldMk cId="1111395410" sldId="927"/>
        </pc:sldMkLst>
        <pc:spChg chg="mod">
          <ac:chgData name="Vagnarelli, Alessio" userId="7630aed0-756e-42de-813a-0c9638cc0479" providerId="ADAL" clId="{7FFBA04C-581A-43BA-950C-614B95DF66A6}" dt="2025-06-17T11:11:10.860" v="1906" actId="20577"/>
          <ac:spMkLst>
            <pc:docMk/>
            <pc:sldMk cId="1111395410" sldId="927"/>
            <ac:spMk id="6" creationId="{B8366263-9779-4E48-ABE8-E1EB7A8AC297}"/>
          </ac:spMkLst>
        </pc:spChg>
      </pc:sldChg>
      <pc:sldChg chg="modSp add">
        <pc:chgData name="Vagnarelli, Alessio" userId="7630aed0-756e-42de-813a-0c9638cc0479" providerId="ADAL" clId="{7FFBA04C-581A-43BA-950C-614B95DF66A6}" dt="2025-06-16T18:28:54.371" v="1806" actId="6549"/>
        <pc:sldMkLst>
          <pc:docMk/>
          <pc:sldMk cId="2918560072" sldId="928"/>
        </pc:sldMkLst>
        <pc:spChg chg="mod">
          <ac:chgData name="Vagnarelli, Alessio" userId="7630aed0-756e-42de-813a-0c9638cc0479" providerId="ADAL" clId="{7FFBA04C-581A-43BA-950C-614B95DF66A6}" dt="2025-06-16T18:28:54.371" v="1806" actId="6549"/>
          <ac:spMkLst>
            <pc:docMk/>
            <pc:sldMk cId="2918560072" sldId="928"/>
            <ac:spMk id="6" creationId="{B8366263-9779-4E48-ABE8-E1EB7A8AC297}"/>
          </ac:spMkLst>
        </pc:spChg>
      </pc:sldChg>
      <pc:sldChg chg="modSp add modAnim">
        <pc:chgData name="Vagnarelli, Alessio" userId="7630aed0-756e-42de-813a-0c9638cc0479" providerId="ADAL" clId="{7FFBA04C-581A-43BA-950C-614B95DF66A6}" dt="2025-06-17T11:35:42.382" v="2061" actId="20577"/>
        <pc:sldMkLst>
          <pc:docMk/>
          <pc:sldMk cId="1921602834" sldId="929"/>
        </pc:sldMkLst>
        <pc:spChg chg="mod">
          <ac:chgData name="Vagnarelli, Alessio" userId="7630aed0-756e-42de-813a-0c9638cc0479" providerId="ADAL" clId="{7FFBA04C-581A-43BA-950C-614B95DF66A6}" dt="2025-06-17T11:35:42.382" v="2061" actId="20577"/>
          <ac:spMkLst>
            <pc:docMk/>
            <pc:sldMk cId="1921602834" sldId="929"/>
            <ac:spMk id="6" creationId="{B8366263-9779-4E48-ABE8-E1EB7A8AC297}"/>
          </ac:spMkLst>
        </pc:spChg>
      </pc:sldChg>
      <pc:sldMasterChg chg="delSldLayout">
        <pc:chgData name="Vagnarelli, Alessio" userId="7630aed0-756e-42de-813a-0c9638cc0479" providerId="ADAL" clId="{7FFBA04C-581A-43BA-950C-614B95DF66A6}" dt="2025-06-16T14:32:33.409" v="291" actId="47"/>
        <pc:sldMasterMkLst>
          <pc:docMk/>
          <pc:sldMasterMk cId="3430508837" sldId="2147483731"/>
        </pc:sldMasterMkLst>
        <pc:sldLayoutChg chg="del">
          <pc:chgData name="Vagnarelli, Alessio" userId="7630aed0-756e-42de-813a-0c9638cc0479" providerId="ADAL" clId="{7FFBA04C-581A-43BA-950C-614B95DF66A6}" dt="2025-06-16T14:32:33.409" v="291" actId="47"/>
          <pc:sldLayoutMkLst>
            <pc:docMk/>
            <pc:sldMasterMk cId="3430508837" sldId="2147483731"/>
            <pc:sldLayoutMk cId="2941117079" sldId="2147483750"/>
          </pc:sldLayoutMkLst>
        </pc:sldLayoutChg>
      </pc:sldMaster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1236B186-E47E-46FA-9C8A-21ED1389C872}" type="datetimeFigureOut">
              <a:rPr lang="en-US" smtClean="0"/>
              <a:t>6/17/2025</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4A312B04-C2E7-41C0-9E29-98FE93F75DF5}" type="slidenum">
              <a:rPr lang="en-US" smtClean="0"/>
              <a:t>‹#›</a:t>
            </a:fld>
            <a:endParaRPr lang="en-US" dirty="0"/>
          </a:p>
        </p:txBody>
      </p:sp>
    </p:spTree>
    <p:extLst>
      <p:ext uri="{BB962C8B-B14F-4D97-AF65-F5344CB8AC3E}">
        <p14:creationId xmlns:p14="http://schemas.microsoft.com/office/powerpoint/2010/main" val="124568897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a:t>
            </a:fld>
            <a:endParaRPr lang="en-US" dirty="0"/>
          </a:p>
        </p:txBody>
      </p:sp>
    </p:spTree>
    <p:extLst>
      <p:ext uri="{BB962C8B-B14F-4D97-AF65-F5344CB8AC3E}">
        <p14:creationId xmlns:p14="http://schemas.microsoft.com/office/powerpoint/2010/main" val="39470943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0</a:t>
            </a:fld>
            <a:endParaRPr lang="en-US" dirty="0"/>
          </a:p>
        </p:txBody>
      </p:sp>
    </p:spTree>
    <p:extLst>
      <p:ext uri="{BB962C8B-B14F-4D97-AF65-F5344CB8AC3E}">
        <p14:creationId xmlns:p14="http://schemas.microsoft.com/office/powerpoint/2010/main" val="74771288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1</a:t>
            </a:fld>
            <a:endParaRPr lang="en-US" dirty="0"/>
          </a:p>
        </p:txBody>
      </p:sp>
    </p:spTree>
    <p:extLst>
      <p:ext uri="{BB962C8B-B14F-4D97-AF65-F5344CB8AC3E}">
        <p14:creationId xmlns:p14="http://schemas.microsoft.com/office/powerpoint/2010/main" val="313870252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2</a:t>
            </a:fld>
            <a:endParaRPr lang="en-US" dirty="0"/>
          </a:p>
        </p:txBody>
      </p:sp>
    </p:spTree>
    <p:extLst>
      <p:ext uri="{BB962C8B-B14F-4D97-AF65-F5344CB8AC3E}">
        <p14:creationId xmlns:p14="http://schemas.microsoft.com/office/powerpoint/2010/main" val="399513704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3</a:t>
            </a:fld>
            <a:endParaRPr lang="en-US" dirty="0"/>
          </a:p>
        </p:txBody>
      </p:sp>
    </p:spTree>
    <p:extLst>
      <p:ext uri="{BB962C8B-B14F-4D97-AF65-F5344CB8AC3E}">
        <p14:creationId xmlns:p14="http://schemas.microsoft.com/office/powerpoint/2010/main" val="30142264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14</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73210517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5</a:t>
            </a:fld>
            <a:endParaRPr lang="en-US" dirty="0"/>
          </a:p>
        </p:txBody>
      </p:sp>
    </p:spTree>
    <p:extLst>
      <p:ext uri="{BB962C8B-B14F-4D97-AF65-F5344CB8AC3E}">
        <p14:creationId xmlns:p14="http://schemas.microsoft.com/office/powerpoint/2010/main" val="353572831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6</a:t>
            </a:fld>
            <a:endParaRPr lang="en-US" dirty="0"/>
          </a:p>
        </p:txBody>
      </p:sp>
    </p:spTree>
    <p:extLst>
      <p:ext uri="{BB962C8B-B14F-4D97-AF65-F5344CB8AC3E}">
        <p14:creationId xmlns:p14="http://schemas.microsoft.com/office/powerpoint/2010/main" val="107565489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7</a:t>
            </a:fld>
            <a:endParaRPr lang="en-US" dirty="0"/>
          </a:p>
        </p:txBody>
      </p:sp>
    </p:spTree>
    <p:extLst>
      <p:ext uri="{BB962C8B-B14F-4D97-AF65-F5344CB8AC3E}">
        <p14:creationId xmlns:p14="http://schemas.microsoft.com/office/powerpoint/2010/main" val="1414305276"/>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8</a:t>
            </a:fld>
            <a:endParaRPr lang="en-US" dirty="0"/>
          </a:p>
        </p:txBody>
      </p:sp>
    </p:spTree>
    <p:extLst>
      <p:ext uri="{BB962C8B-B14F-4D97-AF65-F5344CB8AC3E}">
        <p14:creationId xmlns:p14="http://schemas.microsoft.com/office/powerpoint/2010/main" val="180143334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9</a:t>
            </a:fld>
            <a:endParaRPr lang="en-US" dirty="0"/>
          </a:p>
        </p:txBody>
      </p:sp>
    </p:spTree>
    <p:extLst>
      <p:ext uri="{BB962C8B-B14F-4D97-AF65-F5344CB8AC3E}">
        <p14:creationId xmlns:p14="http://schemas.microsoft.com/office/powerpoint/2010/main" val="173672813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2</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11790914"/>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20</a:t>
            </a:fld>
            <a:endParaRPr lang="en-US" dirty="0"/>
          </a:p>
        </p:txBody>
      </p:sp>
    </p:spTree>
    <p:extLst>
      <p:ext uri="{BB962C8B-B14F-4D97-AF65-F5344CB8AC3E}">
        <p14:creationId xmlns:p14="http://schemas.microsoft.com/office/powerpoint/2010/main" val="97196981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21</a:t>
            </a:fld>
            <a:endParaRPr lang="en-US" dirty="0"/>
          </a:p>
        </p:txBody>
      </p:sp>
    </p:spTree>
    <p:extLst>
      <p:ext uri="{BB962C8B-B14F-4D97-AF65-F5344CB8AC3E}">
        <p14:creationId xmlns:p14="http://schemas.microsoft.com/office/powerpoint/2010/main" val="614561746"/>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22</a:t>
            </a:fld>
            <a:endParaRPr lang="en-US" dirty="0"/>
          </a:p>
        </p:txBody>
      </p:sp>
    </p:spTree>
    <p:extLst>
      <p:ext uri="{BB962C8B-B14F-4D97-AF65-F5344CB8AC3E}">
        <p14:creationId xmlns:p14="http://schemas.microsoft.com/office/powerpoint/2010/main" val="2687966229"/>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23</a:t>
            </a:fld>
            <a:endParaRPr lang="en-US" dirty="0"/>
          </a:p>
        </p:txBody>
      </p:sp>
    </p:spTree>
    <p:extLst>
      <p:ext uri="{BB962C8B-B14F-4D97-AF65-F5344CB8AC3E}">
        <p14:creationId xmlns:p14="http://schemas.microsoft.com/office/powerpoint/2010/main" val="476559958"/>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24</a:t>
            </a:fld>
            <a:endParaRPr lang="en-US" dirty="0"/>
          </a:p>
        </p:txBody>
      </p:sp>
    </p:spTree>
    <p:extLst>
      <p:ext uri="{BB962C8B-B14F-4D97-AF65-F5344CB8AC3E}">
        <p14:creationId xmlns:p14="http://schemas.microsoft.com/office/powerpoint/2010/main" val="1941821702"/>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25</a:t>
            </a:fld>
            <a:endParaRPr lang="en-US" dirty="0"/>
          </a:p>
        </p:txBody>
      </p:sp>
    </p:spTree>
    <p:extLst>
      <p:ext uri="{BB962C8B-B14F-4D97-AF65-F5344CB8AC3E}">
        <p14:creationId xmlns:p14="http://schemas.microsoft.com/office/powerpoint/2010/main" val="202087409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26</a:t>
            </a:fld>
            <a:endParaRPr lang="en-US" dirty="0"/>
          </a:p>
        </p:txBody>
      </p:sp>
    </p:spTree>
    <p:extLst>
      <p:ext uri="{BB962C8B-B14F-4D97-AF65-F5344CB8AC3E}">
        <p14:creationId xmlns:p14="http://schemas.microsoft.com/office/powerpoint/2010/main" val="2965359515"/>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27</a:t>
            </a:fld>
            <a:endParaRPr lang="en-US" dirty="0"/>
          </a:p>
        </p:txBody>
      </p:sp>
    </p:spTree>
    <p:extLst>
      <p:ext uri="{BB962C8B-B14F-4D97-AF65-F5344CB8AC3E}">
        <p14:creationId xmlns:p14="http://schemas.microsoft.com/office/powerpoint/2010/main" val="314543363"/>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8</a:t>
            </a:fld>
            <a:endParaRPr kumimoji="0" lang="en-US" sz="1200" b="0" i="0" u="none" strike="noStrike" kern="1200" cap="none" spc="0" normalizeH="0" baseline="0" noProof="0" dirty="0">
              <a:ln>
                <a:noFill/>
              </a:ln>
              <a:solidFill>
                <a:prstClr val="black"/>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3039571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3</a:t>
            </a:fld>
            <a:endParaRPr lang="en-US" dirty="0"/>
          </a:p>
        </p:txBody>
      </p:sp>
    </p:spTree>
    <p:extLst>
      <p:ext uri="{BB962C8B-B14F-4D97-AF65-F5344CB8AC3E}">
        <p14:creationId xmlns:p14="http://schemas.microsoft.com/office/powerpoint/2010/main" val="1155650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4</a:t>
            </a:fld>
            <a:endParaRPr lang="en-US" dirty="0"/>
          </a:p>
        </p:txBody>
      </p:sp>
    </p:spTree>
    <p:extLst>
      <p:ext uri="{BB962C8B-B14F-4D97-AF65-F5344CB8AC3E}">
        <p14:creationId xmlns:p14="http://schemas.microsoft.com/office/powerpoint/2010/main" val="408912206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5</a:t>
            </a:fld>
            <a:endParaRPr lang="en-US" dirty="0"/>
          </a:p>
        </p:txBody>
      </p:sp>
    </p:spTree>
    <p:extLst>
      <p:ext uri="{BB962C8B-B14F-4D97-AF65-F5344CB8AC3E}">
        <p14:creationId xmlns:p14="http://schemas.microsoft.com/office/powerpoint/2010/main" val="97297001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6</a:t>
            </a:fld>
            <a:endParaRPr lang="en-US" dirty="0"/>
          </a:p>
        </p:txBody>
      </p:sp>
    </p:spTree>
    <p:extLst>
      <p:ext uri="{BB962C8B-B14F-4D97-AF65-F5344CB8AC3E}">
        <p14:creationId xmlns:p14="http://schemas.microsoft.com/office/powerpoint/2010/main" val="312755880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7</a:t>
            </a:fld>
            <a:endParaRPr lang="en-US" dirty="0"/>
          </a:p>
        </p:txBody>
      </p:sp>
    </p:spTree>
    <p:extLst>
      <p:ext uri="{BB962C8B-B14F-4D97-AF65-F5344CB8AC3E}">
        <p14:creationId xmlns:p14="http://schemas.microsoft.com/office/powerpoint/2010/main" val="79431507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8</a:t>
            </a:fld>
            <a:endParaRPr lang="en-US" dirty="0"/>
          </a:p>
        </p:txBody>
      </p:sp>
    </p:spTree>
    <p:extLst>
      <p:ext uri="{BB962C8B-B14F-4D97-AF65-F5344CB8AC3E}">
        <p14:creationId xmlns:p14="http://schemas.microsoft.com/office/powerpoint/2010/main" val="138076968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9</a:t>
            </a:fld>
            <a:endParaRPr lang="en-US" dirty="0"/>
          </a:p>
        </p:txBody>
      </p:sp>
    </p:spTree>
    <p:extLst>
      <p:ext uri="{BB962C8B-B14F-4D97-AF65-F5344CB8AC3E}">
        <p14:creationId xmlns:p14="http://schemas.microsoft.com/office/powerpoint/2010/main" val="163170212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type="title" preserve="1">
  <p:cSld name="Title Slide">
    <p:spTree>
      <p:nvGrpSpPr>
        <p:cNvPr id="1" name=""/>
        <p:cNvGrpSpPr/>
        <p:nvPr/>
      </p:nvGrpSpPr>
      <p:grpSpPr>
        <a:xfrm>
          <a:off x="0" y="0"/>
          <a:ext cx="0" cy="0"/>
          <a:chOff x="0" y="0"/>
          <a:chExt cx="0" cy="0"/>
        </a:xfrm>
      </p:grpSpPr>
      <p:grpSp>
        <p:nvGrpSpPr>
          <p:cNvPr id="7" name="Group 6"/>
          <p:cNvGrpSpPr/>
          <p:nvPr/>
        </p:nvGrpSpPr>
        <p:grpSpPr>
          <a:xfrm>
            <a:off x="0" y="-8467"/>
            <a:ext cx="12192000" cy="6866467"/>
            <a:chOff x="0" y="-8467"/>
            <a:chExt cx="12192000" cy="6866467"/>
          </a:xfrm>
        </p:grpSpPr>
        <p:cxnSp>
          <p:nvCxnSpPr>
            <p:cNvPr id="32" name="Straight Connector 31"/>
            <p:cNvCxnSpPr/>
            <p:nvPr/>
          </p:nvCxnSpPr>
          <p:spPr>
            <a:xfrm>
              <a:off x="9371012" y="0"/>
              <a:ext cx="1219200" cy="6858000"/>
            </a:xfrm>
            <a:prstGeom prst="line">
              <a:avLst/>
            </a:prstGeom>
            <a:ln w="9525">
              <a:solidFill>
                <a:schemeClr val="bg1">
                  <a:lumMod val="75000"/>
                </a:schemeClr>
              </a:solidFill>
            </a:ln>
          </p:spPr>
          <p:style>
            <a:lnRef idx="2">
              <a:schemeClr val="accent1"/>
            </a:lnRef>
            <a:fillRef idx="0">
              <a:schemeClr val="accent1"/>
            </a:fillRef>
            <a:effectRef idx="1">
              <a:schemeClr val="accent1"/>
            </a:effectRef>
            <a:fontRef idx="minor">
              <a:schemeClr val="tx1"/>
            </a:fontRef>
          </p:style>
        </p:cxnSp>
        <p:cxnSp>
          <p:nvCxnSpPr>
            <p:cNvPr id="21" name="Straight Connector 20"/>
            <p:cNvCxnSpPr/>
            <p:nvPr/>
          </p:nvCxnSpPr>
          <p:spPr>
            <a:xfrm flipH="1">
              <a:off x="7425267" y="3681413"/>
              <a:ext cx="4763558" cy="3176587"/>
            </a:xfrm>
            <a:prstGeom prst="line">
              <a:avLst/>
            </a:prstGeom>
            <a:ln w="9525">
              <a:solidFill>
                <a:schemeClr val="bg1">
                  <a:lumMod val="85000"/>
                </a:schemeClr>
              </a:solidFill>
            </a:ln>
          </p:spPr>
          <p:style>
            <a:lnRef idx="2">
              <a:schemeClr val="accent1"/>
            </a:lnRef>
            <a:fillRef idx="0">
              <a:schemeClr val="accent1"/>
            </a:fillRef>
            <a:effectRef idx="1">
              <a:schemeClr val="accent1"/>
            </a:effectRef>
            <a:fontRef idx="minor">
              <a:schemeClr val="tx1"/>
            </a:fontRef>
          </p:style>
        </p:cxnSp>
        <p:sp>
          <p:nvSpPr>
            <p:cNvPr id="24" name="Rectangle 23"/>
            <p:cNvSpPr/>
            <p:nvPr/>
          </p:nvSpPr>
          <p:spPr>
            <a:xfrm>
              <a:off x="9181476" y="-8467"/>
              <a:ext cx="3007349" cy="6866467"/>
            </a:xfrm>
            <a:custGeom>
              <a:avLst/>
              <a:gdLst/>
              <a:ahLst/>
              <a:cxnLst/>
              <a:rect l="l" t="t" r="r" b="b"/>
              <a:pathLst>
                <a:path w="3007349" h="6866467">
                  <a:moveTo>
                    <a:pt x="2045532" y="0"/>
                  </a:moveTo>
                  <a:lnTo>
                    <a:pt x="3007349" y="0"/>
                  </a:lnTo>
                  <a:lnTo>
                    <a:pt x="3007349" y="6866467"/>
                  </a:lnTo>
                  <a:lnTo>
                    <a:pt x="0" y="6866467"/>
                  </a:lnTo>
                  <a:lnTo>
                    <a:pt x="2045532" y="0"/>
                  </a:lnTo>
                  <a:close/>
                </a:path>
              </a:pathLst>
            </a:custGeom>
            <a:solidFill>
              <a:schemeClr val="accent1">
                <a:alpha val="3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6" name="Rectangle 25"/>
            <p:cNvSpPr/>
            <p:nvPr/>
          </p:nvSpPr>
          <p:spPr>
            <a:xfrm>
              <a:off x="9603442" y="-8467"/>
              <a:ext cx="2588558" cy="6866467"/>
            </a:xfrm>
            <a:custGeom>
              <a:avLst/>
              <a:gdLst/>
              <a:ahLst/>
              <a:cxnLst/>
              <a:rect l="l" t="t" r="r" b="b"/>
              <a:pathLst>
                <a:path w="2573311" h="6866467">
                  <a:moveTo>
                    <a:pt x="0" y="0"/>
                  </a:moveTo>
                  <a:lnTo>
                    <a:pt x="2573311" y="0"/>
                  </a:lnTo>
                  <a:lnTo>
                    <a:pt x="2573311" y="6866467"/>
                  </a:lnTo>
                  <a:lnTo>
                    <a:pt x="1202336" y="6866467"/>
                  </a:lnTo>
                  <a:lnTo>
                    <a:pt x="0" y="0"/>
                  </a:lnTo>
                  <a:close/>
                </a:path>
              </a:pathLst>
            </a:custGeom>
            <a:solidFill>
              <a:schemeClr val="accent1">
                <a:alpha val="2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7" name="Isosceles Triangle 26"/>
            <p:cNvSpPr/>
            <p:nvPr/>
          </p:nvSpPr>
          <p:spPr>
            <a:xfrm>
              <a:off x="8932333" y="3048000"/>
              <a:ext cx="3259667" cy="3810000"/>
            </a:xfrm>
            <a:prstGeom prst="triangle">
              <a:avLst>
                <a:gd name="adj" fmla="val 100000"/>
              </a:avLst>
            </a:prstGeom>
            <a:solidFill>
              <a:schemeClr val="accent2">
                <a:alpha val="72000"/>
              </a:schemeClr>
            </a:solidFill>
            <a:ln>
              <a:noFill/>
            </a:ln>
            <a:effectLst/>
          </p:spPr>
          <p:style>
            <a:lnRef idx="1">
              <a:schemeClr val="accent1"/>
            </a:lnRef>
            <a:fillRef idx="3">
              <a:schemeClr val="accent1"/>
            </a:fillRef>
            <a:effectRef idx="2">
              <a:schemeClr val="accent1"/>
            </a:effectRef>
            <a:fontRef idx="minor">
              <a:schemeClr val="lt1"/>
            </a:fontRef>
          </p:style>
        </p:sp>
        <p:sp>
          <p:nvSpPr>
            <p:cNvPr id="28" name="Rectangle 27"/>
            <p:cNvSpPr/>
            <p:nvPr/>
          </p:nvSpPr>
          <p:spPr>
            <a:xfrm>
              <a:off x="9334500" y="-8467"/>
              <a:ext cx="2854326" cy="6866467"/>
            </a:xfrm>
            <a:custGeom>
              <a:avLst/>
              <a:gdLst/>
              <a:ahLst/>
              <a:cxnLst/>
              <a:rect l="l" t="t" r="r" b="b"/>
              <a:pathLst>
                <a:path w="2858013" h="6866467">
                  <a:moveTo>
                    <a:pt x="0" y="0"/>
                  </a:moveTo>
                  <a:lnTo>
                    <a:pt x="2858013" y="0"/>
                  </a:lnTo>
                  <a:lnTo>
                    <a:pt x="2858013" y="6866467"/>
                  </a:lnTo>
                  <a:lnTo>
                    <a:pt x="2473942" y="6866467"/>
                  </a:lnTo>
                  <a:lnTo>
                    <a:pt x="0" y="0"/>
                  </a:lnTo>
                  <a:close/>
                </a:path>
              </a:pathLst>
            </a:custGeom>
            <a:solidFill>
              <a:schemeClr val="accent2">
                <a:lumMod val="75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9" name="Rectangle 28"/>
            <p:cNvSpPr/>
            <p:nvPr/>
          </p:nvSpPr>
          <p:spPr>
            <a:xfrm>
              <a:off x="10898730" y="-8467"/>
              <a:ext cx="1290094" cy="6866467"/>
            </a:xfrm>
            <a:custGeom>
              <a:avLst/>
              <a:gdLst/>
              <a:ahLst/>
              <a:cxnLst/>
              <a:rect l="l" t="t" r="r" b="b"/>
              <a:pathLst>
                <a:path w="1290094" h="6858000">
                  <a:moveTo>
                    <a:pt x="1019735" y="0"/>
                  </a:moveTo>
                  <a:lnTo>
                    <a:pt x="1290094" y="0"/>
                  </a:lnTo>
                  <a:lnTo>
                    <a:pt x="1290094" y="6858000"/>
                  </a:lnTo>
                  <a:lnTo>
                    <a:pt x="0" y="6858000"/>
                  </a:lnTo>
                  <a:lnTo>
                    <a:pt x="1019735" y="0"/>
                  </a:lnTo>
                  <a:close/>
                </a:path>
              </a:pathLst>
            </a:custGeom>
            <a:solidFill>
              <a:schemeClr val="accent1">
                <a:lumMod val="60000"/>
                <a:lumOff val="40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30" name="Rectangle 29"/>
            <p:cNvSpPr/>
            <p:nvPr/>
          </p:nvSpPr>
          <p:spPr>
            <a:xfrm>
              <a:off x="10938999" y="-8467"/>
              <a:ext cx="1249825" cy="6866467"/>
            </a:xfrm>
            <a:custGeom>
              <a:avLst/>
              <a:gdLst/>
              <a:ahLst/>
              <a:cxnLst/>
              <a:rect l="l" t="t" r="r" b="b"/>
              <a:pathLst>
                <a:path w="1249825" h="6858000">
                  <a:moveTo>
                    <a:pt x="0" y="0"/>
                  </a:moveTo>
                  <a:lnTo>
                    <a:pt x="1249825" y="0"/>
                  </a:lnTo>
                  <a:lnTo>
                    <a:pt x="1249825" y="6858000"/>
                  </a:lnTo>
                  <a:lnTo>
                    <a:pt x="1109382" y="6858000"/>
                  </a:lnTo>
                  <a:lnTo>
                    <a:pt x="0" y="0"/>
                  </a:lnTo>
                  <a:close/>
                </a:path>
              </a:pathLst>
            </a:custGeom>
            <a:solidFill>
              <a:schemeClr val="accent1">
                <a:alpha val="65000"/>
              </a:schemeClr>
            </a:solidFill>
            <a:ln>
              <a:noFill/>
            </a:ln>
            <a:effectLst/>
          </p:spPr>
          <p:style>
            <a:lnRef idx="1">
              <a:schemeClr val="accent1"/>
            </a:lnRef>
            <a:fillRef idx="3">
              <a:schemeClr val="accent1"/>
            </a:fillRef>
            <a:effectRef idx="2">
              <a:schemeClr val="accent1"/>
            </a:effectRef>
            <a:fontRef idx="minor">
              <a:schemeClr val="lt1"/>
            </a:fontRef>
          </p:style>
        </p:sp>
        <p:sp>
          <p:nvSpPr>
            <p:cNvPr id="31" name="Isosceles Triangle 30"/>
            <p:cNvSpPr/>
            <p:nvPr/>
          </p:nvSpPr>
          <p:spPr>
            <a:xfrm>
              <a:off x="10371666" y="3589867"/>
              <a:ext cx="1817159" cy="3268133"/>
            </a:xfrm>
            <a:prstGeom prst="triangle">
              <a:avLst>
                <a:gd name="adj" fmla="val 100000"/>
              </a:avLst>
            </a:prstGeom>
            <a:solidFill>
              <a:schemeClr val="accent1">
                <a:alpha val="80000"/>
              </a:schemeClr>
            </a:solidFill>
            <a:ln>
              <a:noFill/>
            </a:ln>
            <a:effectLst/>
          </p:spPr>
          <p:style>
            <a:lnRef idx="1">
              <a:schemeClr val="accent1"/>
            </a:lnRef>
            <a:fillRef idx="3">
              <a:schemeClr val="accent1"/>
            </a:fillRef>
            <a:effectRef idx="2">
              <a:schemeClr val="accent1"/>
            </a:effectRef>
            <a:fontRef idx="minor">
              <a:schemeClr val="lt1"/>
            </a:fontRef>
          </p:style>
        </p:sp>
        <p:sp>
          <p:nvSpPr>
            <p:cNvPr id="19" name="Isosceles Triangle 18"/>
            <p:cNvSpPr/>
            <p:nvPr/>
          </p:nvSpPr>
          <p:spPr>
            <a:xfrm rot="10800000">
              <a:off x="0" y="0"/>
              <a:ext cx="842596" cy="5666154"/>
            </a:xfrm>
            <a:prstGeom prst="triangle">
              <a:avLst>
                <a:gd name="adj" fmla="val 100000"/>
              </a:avLst>
            </a:prstGeom>
            <a:solidFill>
              <a:schemeClr val="accent1">
                <a:alpha val="85000"/>
              </a:schemeClr>
            </a:solidFill>
            <a:ln>
              <a:noFill/>
            </a:ln>
            <a:effectLst/>
          </p:spPr>
          <p:style>
            <a:lnRef idx="1">
              <a:schemeClr val="accent1"/>
            </a:lnRef>
            <a:fillRef idx="3">
              <a:schemeClr val="accent1"/>
            </a:fillRef>
            <a:effectRef idx="2">
              <a:schemeClr val="accent1"/>
            </a:effectRef>
            <a:fontRef idx="minor">
              <a:schemeClr val="lt1"/>
            </a:fontRef>
          </p:style>
        </p:sp>
      </p:grpSp>
      <p:sp>
        <p:nvSpPr>
          <p:cNvPr id="2" name="Title 1"/>
          <p:cNvSpPr>
            <a:spLocks noGrp="1"/>
          </p:cNvSpPr>
          <p:nvPr>
            <p:ph type="ctrTitle"/>
          </p:nvPr>
        </p:nvSpPr>
        <p:spPr>
          <a:xfrm>
            <a:off x="1507067" y="2404534"/>
            <a:ext cx="7766936" cy="1646302"/>
          </a:xfrm>
        </p:spPr>
        <p:txBody>
          <a:bodyPr anchor="b">
            <a:noAutofit/>
          </a:bodyPr>
          <a:lstStyle>
            <a:lvl1pPr algn="r">
              <a:defRPr sz="5400">
                <a:solidFill>
                  <a:schemeClr val="accent1"/>
                </a:solidFill>
              </a:defRPr>
            </a:lvl1pPr>
          </a:lstStyle>
          <a:p>
            <a:r>
              <a:rPr lang="en-US"/>
              <a:t>Click to edit Master title style</a:t>
            </a:r>
            <a:endParaRPr lang="en-US" dirty="0"/>
          </a:p>
        </p:txBody>
      </p:sp>
      <p:sp>
        <p:nvSpPr>
          <p:cNvPr id="3" name="Subtitle 2"/>
          <p:cNvSpPr>
            <a:spLocks noGrp="1"/>
          </p:cNvSpPr>
          <p:nvPr>
            <p:ph type="subTitle" idx="1"/>
          </p:nvPr>
        </p:nvSpPr>
        <p:spPr>
          <a:xfrm>
            <a:off x="1507067" y="4050833"/>
            <a:ext cx="7766936" cy="1096899"/>
          </a:xfrm>
        </p:spPr>
        <p:txBody>
          <a:bodyPr anchor="t"/>
          <a:lstStyle>
            <a:lvl1pPr marL="0" indent="0" algn="r">
              <a:buNone/>
              <a:defRPr>
                <a:solidFill>
                  <a:schemeClr val="tx1">
                    <a:lumMod val="50000"/>
                    <a:lumOff val="50000"/>
                  </a:schemeClr>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99715450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itle and Caption">
    <p:spTree>
      <p:nvGrpSpPr>
        <p:cNvPr id="1" name=""/>
        <p:cNvGrpSpPr/>
        <p:nvPr/>
      </p:nvGrpSpPr>
      <p:grpSpPr>
        <a:xfrm>
          <a:off x="0" y="0"/>
          <a:ext cx="0" cy="0"/>
          <a:chOff x="0" y="0"/>
          <a:chExt cx="0" cy="0"/>
        </a:xfrm>
      </p:grpSpPr>
      <p:sp>
        <p:nvSpPr>
          <p:cNvPr id="2" name="Title 1"/>
          <p:cNvSpPr>
            <a:spLocks noGrp="1"/>
          </p:cNvSpPr>
          <p:nvPr>
            <p:ph type="title"/>
          </p:nvPr>
        </p:nvSpPr>
        <p:spPr>
          <a:xfrm>
            <a:off x="677335" y="609600"/>
            <a:ext cx="8596668" cy="3403600"/>
          </a:xfrm>
        </p:spPr>
        <p:txBody>
          <a:bodyPr anchor="ctr">
            <a:normAutofit/>
          </a:bodyPr>
          <a:lstStyle>
            <a:lvl1pPr algn="l">
              <a:defRPr sz="4400" b="0" cap="none"/>
            </a:lvl1pPr>
          </a:lstStyle>
          <a:p>
            <a:r>
              <a:rPr lang="en-US"/>
              <a:t>Click to edit Master title style</a:t>
            </a:r>
            <a:endParaRPr lang="en-US" dirty="0"/>
          </a:p>
        </p:txBody>
      </p:sp>
      <p:sp>
        <p:nvSpPr>
          <p:cNvPr id="3" name="Text Placeholder 2"/>
          <p:cNvSpPr>
            <a:spLocks noGrp="1"/>
          </p:cNvSpPr>
          <p:nvPr>
            <p:ph type="body" idx="1"/>
          </p:nvPr>
        </p:nvSpPr>
        <p:spPr>
          <a:xfrm>
            <a:off x="677335" y="4470400"/>
            <a:ext cx="8596668" cy="1570962"/>
          </a:xfrm>
        </p:spPr>
        <p:txBody>
          <a:bodyPr anchor="ctr">
            <a:normAutofit/>
          </a:bodyPr>
          <a:lstStyle>
            <a:lvl1pPr marL="0" indent="0" algn="l">
              <a:buNone/>
              <a:defRPr sz="1800">
                <a:solidFill>
                  <a:schemeClr val="tx1">
                    <a:lumMod val="75000"/>
                    <a:lumOff val="2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2943520783"/>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Quot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931334" y="609600"/>
            <a:ext cx="8094134" cy="3022600"/>
          </a:xfrm>
        </p:spPr>
        <p:txBody>
          <a:bodyPr anchor="ctr">
            <a:normAutofit/>
          </a:bodyPr>
          <a:lstStyle>
            <a:lvl1pPr algn="l">
              <a:defRPr sz="4400"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1366139" y="3632200"/>
            <a:ext cx="7224524" cy="381000"/>
          </a:xfrm>
        </p:spPr>
        <p:txBody>
          <a:bodyPr anchor="ctr">
            <a:noAutofit/>
          </a:bodyPr>
          <a:lstStyle>
            <a:lvl1pPr marL="0" indent="0">
              <a:buFontTx/>
              <a:buNone/>
              <a:defRPr sz="1600">
                <a:solidFill>
                  <a:schemeClr val="tx1">
                    <a:lumMod val="50000"/>
                    <a:lumOff val="50000"/>
                  </a:schemeClr>
                </a:solidFill>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a:t>Click to edit Master text styles</a:t>
            </a:r>
          </a:p>
        </p:txBody>
      </p:sp>
      <p:sp>
        <p:nvSpPr>
          <p:cNvPr id="3" name="Text Placeholder 2"/>
          <p:cNvSpPr>
            <a:spLocks noGrp="1"/>
          </p:cNvSpPr>
          <p:nvPr>
            <p:ph type="body" idx="1"/>
          </p:nvPr>
        </p:nvSpPr>
        <p:spPr>
          <a:xfrm>
            <a:off x="677335" y="4470400"/>
            <a:ext cx="8596668" cy="1570962"/>
          </a:xfrm>
        </p:spPr>
        <p:txBody>
          <a:bodyPr anchor="ctr">
            <a:normAutofit/>
          </a:bodyPr>
          <a:lstStyle>
            <a:lvl1pPr marL="0" indent="0" algn="l">
              <a:buNone/>
              <a:defRPr sz="1800">
                <a:solidFill>
                  <a:schemeClr val="tx1">
                    <a:lumMod val="75000"/>
                    <a:lumOff val="2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
        <p:nvSpPr>
          <p:cNvPr id="20" name="TextBox 19"/>
          <p:cNvSpPr txBox="1"/>
          <p:nvPr/>
        </p:nvSpPr>
        <p:spPr>
          <a:xfrm>
            <a:off x="541870" y="790378"/>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effectLst/>
                <a:latin typeface="Arial"/>
              </a:rPr>
              <a:t>“</a:t>
            </a:r>
          </a:p>
        </p:txBody>
      </p:sp>
      <p:sp>
        <p:nvSpPr>
          <p:cNvPr id="22" name="TextBox 21"/>
          <p:cNvSpPr txBox="1"/>
          <p:nvPr/>
        </p:nvSpPr>
        <p:spPr>
          <a:xfrm>
            <a:off x="8893011" y="2886556"/>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latin typeface="Arial"/>
              </a:rPr>
              <a:t>”</a:t>
            </a:r>
            <a:endParaRPr lang="en-US" dirty="0">
              <a:solidFill>
                <a:schemeClr val="accent1">
                  <a:lumMod val="60000"/>
                  <a:lumOff val="40000"/>
                </a:schemeClr>
              </a:solidFill>
              <a:latin typeface="Arial"/>
            </a:endParaRPr>
          </a:p>
        </p:txBody>
      </p:sp>
    </p:spTree>
    <p:extLst>
      <p:ext uri="{BB962C8B-B14F-4D97-AF65-F5344CB8AC3E}">
        <p14:creationId xmlns:p14="http://schemas.microsoft.com/office/powerpoint/2010/main" val="218718223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Name Card">
    <p:spTree>
      <p:nvGrpSpPr>
        <p:cNvPr id="1" name=""/>
        <p:cNvGrpSpPr/>
        <p:nvPr/>
      </p:nvGrpSpPr>
      <p:grpSpPr>
        <a:xfrm>
          <a:off x="0" y="0"/>
          <a:ext cx="0" cy="0"/>
          <a:chOff x="0" y="0"/>
          <a:chExt cx="0" cy="0"/>
        </a:xfrm>
      </p:grpSpPr>
      <p:sp>
        <p:nvSpPr>
          <p:cNvPr id="2" name="Title 1"/>
          <p:cNvSpPr>
            <a:spLocks noGrp="1"/>
          </p:cNvSpPr>
          <p:nvPr>
            <p:ph type="title"/>
          </p:nvPr>
        </p:nvSpPr>
        <p:spPr>
          <a:xfrm>
            <a:off x="677335" y="1931988"/>
            <a:ext cx="8596668" cy="2595460"/>
          </a:xfrm>
        </p:spPr>
        <p:txBody>
          <a:bodyPr anchor="b">
            <a:normAutofit/>
          </a:bodyPr>
          <a:lstStyle>
            <a:lvl1pPr algn="l">
              <a:defRPr sz="4400" b="0" cap="none"/>
            </a:lvl1pPr>
          </a:lstStyle>
          <a:p>
            <a:r>
              <a:rPr lang="en-US"/>
              <a:t>Click to edit Master title style</a:t>
            </a:r>
            <a:endParaRPr lang="en-US" dirty="0"/>
          </a:p>
        </p:txBody>
      </p:sp>
      <p:sp>
        <p:nvSpPr>
          <p:cNvPr id="3" name="Text Placeholder 2"/>
          <p:cNvSpPr>
            <a:spLocks noGrp="1"/>
          </p:cNvSpPr>
          <p:nvPr>
            <p:ph type="body" idx="1"/>
          </p:nvPr>
        </p:nvSpPr>
        <p:spPr>
          <a:xfrm>
            <a:off x="677335" y="4527448"/>
            <a:ext cx="8596668" cy="1513914"/>
          </a:xfrm>
        </p:spPr>
        <p:txBody>
          <a:bodyPr anchor="t">
            <a:normAutofit/>
          </a:bodyPr>
          <a:lstStyle>
            <a:lvl1pPr marL="0" indent="0" algn="l">
              <a:buNone/>
              <a:defRPr sz="1800">
                <a:solidFill>
                  <a:schemeClr val="tx1">
                    <a:lumMod val="75000"/>
                    <a:lumOff val="2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29578177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Quote Name Card">
    <p:spTree>
      <p:nvGrpSpPr>
        <p:cNvPr id="1" name=""/>
        <p:cNvGrpSpPr/>
        <p:nvPr/>
      </p:nvGrpSpPr>
      <p:grpSpPr>
        <a:xfrm>
          <a:off x="0" y="0"/>
          <a:ext cx="0" cy="0"/>
          <a:chOff x="0" y="0"/>
          <a:chExt cx="0" cy="0"/>
        </a:xfrm>
      </p:grpSpPr>
      <p:sp>
        <p:nvSpPr>
          <p:cNvPr id="2" name="Title 1"/>
          <p:cNvSpPr>
            <a:spLocks noGrp="1"/>
          </p:cNvSpPr>
          <p:nvPr>
            <p:ph type="title"/>
          </p:nvPr>
        </p:nvSpPr>
        <p:spPr>
          <a:xfrm>
            <a:off x="931334" y="609600"/>
            <a:ext cx="8094134" cy="3022600"/>
          </a:xfrm>
        </p:spPr>
        <p:txBody>
          <a:bodyPr anchor="ctr">
            <a:normAutofit/>
          </a:bodyPr>
          <a:lstStyle>
            <a:lvl1pPr algn="l">
              <a:defRPr sz="4400"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677332" y="4013200"/>
            <a:ext cx="8596669" cy="514248"/>
          </a:xfrm>
        </p:spPr>
        <p:txBody>
          <a:bodyPr anchor="b">
            <a:noAutofit/>
          </a:bodyPr>
          <a:lstStyle>
            <a:lvl1pPr marL="0" indent="0">
              <a:buFontTx/>
              <a:buNone/>
              <a:defRPr sz="2400">
                <a:solidFill>
                  <a:schemeClr val="tx1">
                    <a:lumMod val="75000"/>
                    <a:lumOff val="25000"/>
                  </a:schemeClr>
                </a:solidFill>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a:t>Click to edit Master text styles</a:t>
            </a:r>
          </a:p>
        </p:txBody>
      </p:sp>
      <p:sp>
        <p:nvSpPr>
          <p:cNvPr id="3" name="Text Placeholder 2"/>
          <p:cNvSpPr>
            <a:spLocks noGrp="1"/>
          </p:cNvSpPr>
          <p:nvPr>
            <p:ph type="body" idx="1"/>
          </p:nvPr>
        </p:nvSpPr>
        <p:spPr>
          <a:xfrm>
            <a:off x="677335" y="4527448"/>
            <a:ext cx="8596668" cy="1513914"/>
          </a:xfrm>
        </p:spPr>
        <p:txBody>
          <a:bodyPr anchor="t">
            <a:normAutofit/>
          </a:bodyPr>
          <a:lstStyle>
            <a:lvl1pPr marL="0" indent="0" algn="l">
              <a:buNone/>
              <a:defRPr sz="1800">
                <a:solidFill>
                  <a:schemeClr val="tx1">
                    <a:lumMod val="50000"/>
                    <a:lumOff val="50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
        <p:nvSpPr>
          <p:cNvPr id="24" name="TextBox 23"/>
          <p:cNvSpPr txBox="1"/>
          <p:nvPr/>
        </p:nvSpPr>
        <p:spPr>
          <a:xfrm>
            <a:off x="541870" y="790378"/>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effectLst/>
                <a:latin typeface="Arial"/>
              </a:rPr>
              <a:t>“</a:t>
            </a:r>
          </a:p>
        </p:txBody>
      </p:sp>
      <p:sp>
        <p:nvSpPr>
          <p:cNvPr id="25" name="TextBox 24"/>
          <p:cNvSpPr txBox="1"/>
          <p:nvPr/>
        </p:nvSpPr>
        <p:spPr>
          <a:xfrm>
            <a:off x="8893011" y="2886556"/>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effectLst/>
                <a:latin typeface="Arial"/>
              </a:rPr>
              <a:t>”</a:t>
            </a:r>
          </a:p>
        </p:txBody>
      </p:sp>
    </p:spTree>
    <p:extLst>
      <p:ext uri="{BB962C8B-B14F-4D97-AF65-F5344CB8AC3E}">
        <p14:creationId xmlns:p14="http://schemas.microsoft.com/office/powerpoint/2010/main" val="143711310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rue or False">
    <p:spTree>
      <p:nvGrpSpPr>
        <p:cNvPr id="1" name=""/>
        <p:cNvGrpSpPr/>
        <p:nvPr/>
      </p:nvGrpSpPr>
      <p:grpSpPr>
        <a:xfrm>
          <a:off x="0" y="0"/>
          <a:ext cx="0" cy="0"/>
          <a:chOff x="0" y="0"/>
          <a:chExt cx="0" cy="0"/>
        </a:xfrm>
      </p:grpSpPr>
      <p:sp>
        <p:nvSpPr>
          <p:cNvPr id="2" name="Title 1"/>
          <p:cNvSpPr>
            <a:spLocks noGrp="1"/>
          </p:cNvSpPr>
          <p:nvPr>
            <p:ph type="title"/>
          </p:nvPr>
        </p:nvSpPr>
        <p:spPr>
          <a:xfrm>
            <a:off x="685799" y="609600"/>
            <a:ext cx="8588203" cy="3022600"/>
          </a:xfrm>
        </p:spPr>
        <p:txBody>
          <a:bodyPr anchor="ctr">
            <a:normAutofit/>
          </a:bodyPr>
          <a:lstStyle>
            <a:lvl1pPr algn="l">
              <a:defRPr sz="4400"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677332" y="4013200"/>
            <a:ext cx="8596669" cy="514248"/>
          </a:xfrm>
        </p:spPr>
        <p:txBody>
          <a:bodyPr anchor="b">
            <a:noAutofit/>
          </a:bodyPr>
          <a:lstStyle>
            <a:lvl1pPr marL="0" indent="0">
              <a:buFontTx/>
              <a:buNone/>
              <a:defRPr sz="2400">
                <a:solidFill>
                  <a:schemeClr val="accent1"/>
                </a:solidFill>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a:t>Click to edit Master text styles</a:t>
            </a:r>
          </a:p>
        </p:txBody>
      </p:sp>
      <p:sp>
        <p:nvSpPr>
          <p:cNvPr id="3" name="Text Placeholder 2"/>
          <p:cNvSpPr>
            <a:spLocks noGrp="1"/>
          </p:cNvSpPr>
          <p:nvPr>
            <p:ph type="body" idx="1"/>
          </p:nvPr>
        </p:nvSpPr>
        <p:spPr>
          <a:xfrm>
            <a:off x="677335" y="4527448"/>
            <a:ext cx="8596668" cy="1513914"/>
          </a:xfrm>
        </p:spPr>
        <p:txBody>
          <a:bodyPr anchor="t">
            <a:normAutofit/>
          </a:bodyPr>
          <a:lstStyle>
            <a:lvl1pPr marL="0" indent="0" algn="l">
              <a:buNone/>
              <a:defRPr sz="1800">
                <a:solidFill>
                  <a:schemeClr val="tx1">
                    <a:lumMod val="50000"/>
                    <a:lumOff val="50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36164959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55C6B4A9-1611-4792-9094-5F34BCA07E0B}" type="datetimeFigureOut">
              <a:rPr lang="en-US" smtClean="0"/>
              <a:t>6/1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89333C77-0158-454C-844F-B7AB9BD7DAD4}" type="slidenum">
              <a:rPr lang="en-US" smtClean="0"/>
              <a:t>‹#›</a:t>
            </a:fld>
            <a:endParaRPr lang="en-US" dirty="0"/>
          </a:p>
        </p:txBody>
      </p:sp>
    </p:spTree>
    <p:extLst>
      <p:ext uri="{BB962C8B-B14F-4D97-AF65-F5344CB8AC3E}">
        <p14:creationId xmlns:p14="http://schemas.microsoft.com/office/powerpoint/2010/main" val="249942819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7967673" y="609599"/>
            <a:ext cx="1304743" cy="5251451"/>
          </a:xfrm>
        </p:spPr>
        <p:txBody>
          <a:bodyPr vert="eaVert" anchor="ctr"/>
          <a:lstStyle/>
          <a:p>
            <a:r>
              <a:rPr lang="en-US"/>
              <a:t>Click to edit Master title style</a:t>
            </a:r>
            <a:endParaRPr lang="en-US" dirty="0"/>
          </a:p>
        </p:txBody>
      </p:sp>
      <p:sp>
        <p:nvSpPr>
          <p:cNvPr id="3" name="Vertical Text Placeholder 2"/>
          <p:cNvSpPr>
            <a:spLocks noGrp="1"/>
          </p:cNvSpPr>
          <p:nvPr>
            <p:ph type="body" orient="vert" idx="1"/>
          </p:nvPr>
        </p:nvSpPr>
        <p:spPr>
          <a:xfrm>
            <a:off x="677335" y="609600"/>
            <a:ext cx="7060150" cy="525145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1230635846"/>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userDrawn="1">
  <p:cSld name="Title Slide - White">
    <p:bg bwMode="gray">
      <p:bgPr>
        <a:solidFill>
          <a:schemeClr val="bg1"/>
        </a:solidFill>
        <a:effectLst/>
      </p:bgPr>
    </p:bg>
    <p:spTree>
      <p:nvGrpSpPr>
        <p:cNvPr id="1" name=""/>
        <p:cNvGrpSpPr/>
        <p:nvPr/>
      </p:nvGrpSpPr>
      <p:grpSpPr>
        <a:xfrm>
          <a:off x="0" y="0"/>
          <a:ext cx="0" cy="0"/>
          <a:chOff x="0" y="0"/>
          <a:chExt cx="0" cy="0"/>
        </a:xfrm>
      </p:grpSpPr>
      <p:sp>
        <p:nvSpPr>
          <p:cNvPr id="6" name="TextBox 21">
            <a:extLst>
              <a:ext uri="{FF2B5EF4-FFF2-40B4-BE49-F238E27FC236}">
                <a16:creationId xmlns:a16="http://schemas.microsoft.com/office/drawing/2014/main" id="{FBB3512A-69D6-2345-931E-CD2AE04BDA10}"/>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e Societario</a:t>
            </a:r>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457201" y="5186209"/>
            <a:ext cx="4490721"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57201" y="6365848"/>
            <a:ext cx="4490721" cy="273050"/>
          </a:xfrm>
          <a:prstGeom prst="rect">
            <a:avLst/>
          </a:prstGeom>
        </p:spPr>
        <p:txBody>
          <a:bodyPr anchor="t">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Edit Master text styles</a:t>
            </a:r>
          </a:p>
        </p:txBody>
      </p:sp>
      <p:sp>
        <p:nvSpPr>
          <p:cNvPr id="44" name="Picture Placeholder 8">
            <a:extLst>
              <a:ext uri="{FF2B5EF4-FFF2-40B4-BE49-F238E27FC236}">
                <a16:creationId xmlns:a16="http://schemas.microsoft.com/office/drawing/2014/main" id="{932C736B-20BB-4603-9DD1-FEB85AD9DC39}"/>
              </a:ext>
            </a:extLst>
          </p:cNvPr>
          <p:cNvSpPr>
            <a:spLocks noGrp="1"/>
          </p:cNvSpPr>
          <p:nvPr>
            <p:ph type="pic" sz="quarter" idx="11"/>
          </p:nvPr>
        </p:nvSpPr>
        <p:spPr>
          <a:xfrm>
            <a:off x="3319272" y="688848"/>
            <a:ext cx="5562600" cy="5556504"/>
          </a:xfrm>
          <a:prstGeom prst="rect">
            <a:avLst/>
          </a:prstGeom>
        </p:spPr>
        <p:txBody>
          <a:bodyPr/>
          <a:lstStyle/>
          <a:p>
            <a:r>
              <a:rPr lang="en-US" noProof="0"/>
              <a:t>Click icon to add picture</a:t>
            </a:r>
            <a:endParaRPr lang="en-US" noProof="0" dirty="0"/>
          </a:p>
        </p:txBody>
      </p:sp>
      <p:grpSp>
        <p:nvGrpSpPr>
          <p:cNvPr id="7" name="Group 6">
            <a:extLst>
              <a:ext uri="{FF2B5EF4-FFF2-40B4-BE49-F238E27FC236}">
                <a16:creationId xmlns:a16="http://schemas.microsoft.com/office/drawing/2014/main" id="{519D0A60-9BD4-C84B-824F-5E6068953F51}"/>
              </a:ext>
            </a:extLst>
          </p:cNvPr>
          <p:cNvGrpSpPr/>
          <p:nvPr userDrawn="1"/>
        </p:nvGrpSpPr>
        <p:grpSpPr>
          <a:xfrm>
            <a:off x="10519323" y="6282213"/>
            <a:ext cx="1211518" cy="230320"/>
            <a:chOff x="398463" y="404813"/>
            <a:chExt cx="1627187" cy="307976"/>
          </a:xfrm>
          <a:solidFill>
            <a:schemeClr val="tx1"/>
          </a:solidFill>
        </p:grpSpPr>
        <p:sp>
          <p:nvSpPr>
            <p:cNvPr id="8" name="Oval 5">
              <a:extLst>
                <a:ext uri="{FF2B5EF4-FFF2-40B4-BE49-F238E27FC236}">
                  <a16:creationId xmlns:a16="http://schemas.microsoft.com/office/drawing/2014/main" id="{9DB3DCD2-131D-A94F-8D2C-511F2F286FAB}"/>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9" name="Freeform 6">
              <a:extLst>
                <a:ext uri="{FF2B5EF4-FFF2-40B4-BE49-F238E27FC236}">
                  <a16:creationId xmlns:a16="http://schemas.microsoft.com/office/drawing/2014/main" id="{FB0D2A56-3D47-DD45-A36C-4E45A1E36FF3}"/>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0" name="Rectangle 7">
              <a:extLst>
                <a:ext uri="{FF2B5EF4-FFF2-40B4-BE49-F238E27FC236}">
                  <a16:creationId xmlns:a16="http://schemas.microsoft.com/office/drawing/2014/main" id="{61DCE910-7E26-F34D-BD35-F38E5E381779}"/>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Freeform 8">
              <a:extLst>
                <a:ext uri="{FF2B5EF4-FFF2-40B4-BE49-F238E27FC236}">
                  <a16:creationId xmlns:a16="http://schemas.microsoft.com/office/drawing/2014/main" id="{8DA9EF90-BA23-8641-98F4-FFECF80437C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Rectangle 9">
              <a:extLst>
                <a:ext uri="{FF2B5EF4-FFF2-40B4-BE49-F238E27FC236}">
                  <a16:creationId xmlns:a16="http://schemas.microsoft.com/office/drawing/2014/main" id="{DB8D0237-34BA-554C-8EAB-F259E308144B}"/>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Rectangle 10">
              <a:extLst>
                <a:ext uri="{FF2B5EF4-FFF2-40B4-BE49-F238E27FC236}">
                  <a16:creationId xmlns:a16="http://schemas.microsoft.com/office/drawing/2014/main" id="{005A7047-1BBE-7240-9DD1-AA3BA2DF487B}"/>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Freeform 11">
              <a:extLst>
                <a:ext uri="{FF2B5EF4-FFF2-40B4-BE49-F238E27FC236}">
                  <a16:creationId xmlns:a16="http://schemas.microsoft.com/office/drawing/2014/main" id="{3C3708E1-7C8E-4640-93EF-55902CD556FB}"/>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Freeform 12">
              <a:extLst>
                <a:ext uri="{FF2B5EF4-FFF2-40B4-BE49-F238E27FC236}">
                  <a16:creationId xmlns:a16="http://schemas.microsoft.com/office/drawing/2014/main" id="{E13696D7-C9A6-F24F-9440-CCD62DBC976D}"/>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7" name="Freeform 13">
              <a:extLst>
                <a:ext uri="{FF2B5EF4-FFF2-40B4-BE49-F238E27FC236}">
                  <a16:creationId xmlns:a16="http://schemas.microsoft.com/office/drawing/2014/main" id="{FE5B29FB-CCB5-9744-BADD-39376E4D17ED}"/>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4">
              <a:extLst>
                <a:ext uri="{FF2B5EF4-FFF2-40B4-BE49-F238E27FC236}">
                  <a16:creationId xmlns:a16="http://schemas.microsoft.com/office/drawing/2014/main" id="{2EE128A7-BCDD-1746-8FF8-7ED63EACC99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Tree>
    <p:extLst>
      <p:ext uri="{BB962C8B-B14F-4D97-AF65-F5344CB8AC3E}">
        <p14:creationId xmlns:p14="http://schemas.microsoft.com/office/powerpoint/2010/main" val="247695977"/>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userDrawn="1">
  <p:cSld name="Title, sub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461823" y="1714500"/>
            <a:ext cx="11277600" cy="4667250"/>
          </a:xfrm>
          <a:prstGeom prst="rect">
            <a:avLst/>
          </a:prstGeom>
        </p:spPr>
        <p:txBody>
          <a:bodyPr vert="horz" lIns="0" tIns="0" rIns="0" bIns="0" rtlCol="0">
            <a:noAutofit/>
          </a:bodyPr>
          <a:lstStyle>
            <a:lvl1pPr>
              <a:defRPr sz="1200"/>
            </a:lvl1pPr>
            <a:lvl2pPr>
              <a:defRPr sz="1200"/>
            </a:lvl2pPr>
            <a:lvl3pPr>
              <a:defRPr sz="1200"/>
            </a:lvl3pPr>
            <a:lvl4pPr>
              <a:defRPr sz="1200"/>
            </a:lvl4pPr>
            <a:lvl5pPr>
              <a:defRPr sz="1200"/>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5"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6"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1749722312"/>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userDrawn="1">
  <p:cSld name="1_Title Slide - Black">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3393716" y="727595"/>
            <a:ext cx="5400000" cy="5400000"/>
          </a:xfrm>
          <a:prstGeom prst="rect">
            <a:avLst/>
          </a:prstGeom>
        </p:spPr>
        <p:txBody>
          <a:bodyPr/>
          <a:lstStyle>
            <a:lvl1pPr>
              <a:defRPr>
                <a:solidFill>
                  <a:schemeClr val="bg1"/>
                </a:solidFill>
              </a:defRPr>
            </a:lvl1pPr>
          </a:lstStyle>
          <a:p>
            <a:r>
              <a:rPr lang="en-US" noProof="0"/>
              <a:t>Click icon to add picture</a:t>
            </a:r>
            <a:endParaRPr lang="en-US" noProof="0" dirty="0"/>
          </a:p>
        </p:txBody>
      </p:sp>
      <p:grpSp>
        <p:nvGrpSpPr>
          <p:cNvPr id="18" name="Group 17">
            <a:extLst>
              <a:ext uri="{FF2B5EF4-FFF2-40B4-BE49-F238E27FC236}">
                <a16:creationId xmlns:a16="http://schemas.microsoft.com/office/drawing/2014/main" id="{2A695DEC-E9CB-4EE6-B6A0-35EA322D267E}"/>
              </a:ext>
            </a:extLst>
          </p:cNvPr>
          <p:cNvGrpSpPr>
            <a:grpSpLocks noChangeAspect="1"/>
          </p:cNvGrpSpPr>
          <p:nvPr userDrawn="1"/>
        </p:nvGrpSpPr>
        <p:grpSpPr>
          <a:xfrm>
            <a:off x="469900" y="457761"/>
            <a:ext cx="1998000" cy="374400"/>
            <a:chOff x="398463" y="404813"/>
            <a:chExt cx="1627187" cy="307976"/>
          </a:xfrm>
          <a:solidFill>
            <a:schemeClr val="tx1"/>
          </a:solidFill>
        </p:grpSpPr>
        <p:sp>
          <p:nvSpPr>
            <p:cNvPr id="30" name="Oval 5">
              <a:extLst>
                <a:ext uri="{FF2B5EF4-FFF2-40B4-BE49-F238E27FC236}">
                  <a16:creationId xmlns:a16="http://schemas.microsoft.com/office/drawing/2014/main" id="{156892DF-711C-4336-AEBF-762E1CB7CCD8}"/>
                </a:ext>
              </a:extLst>
            </p:cNvPr>
            <p:cNvSpPr>
              <a:spLocks noChangeArrowheads="1"/>
            </p:cNvSpPr>
            <p:nvPr userDrawn="1"/>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1" name="Freeform 6">
              <a:extLst>
                <a:ext uri="{FF2B5EF4-FFF2-40B4-BE49-F238E27FC236}">
                  <a16:creationId xmlns:a16="http://schemas.microsoft.com/office/drawing/2014/main" id="{654BE607-CC12-452A-95BB-8AEB794BBEF6}"/>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2" name="Rectangle 7">
              <a:extLst>
                <a:ext uri="{FF2B5EF4-FFF2-40B4-BE49-F238E27FC236}">
                  <a16:creationId xmlns:a16="http://schemas.microsoft.com/office/drawing/2014/main" id="{AE06DD36-C381-4B3C-86D3-4123CCCA48EE}"/>
                </a:ext>
              </a:extLst>
            </p:cNvPr>
            <p:cNvSpPr>
              <a:spLocks noChangeArrowheads="1"/>
            </p:cNvSpPr>
            <p:nvPr userDrawn="1"/>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Freeform 8">
              <a:extLst>
                <a:ext uri="{FF2B5EF4-FFF2-40B4-BE49-F238E27FC236}">
                  <a16:creationId xmlns:a16="http://schemas.microsoft.com/office/drawing/2014/main" id="{20BC03DC-7852-47B1-9820-005DEBD76BF8}"/>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Rectangle 9">
              <a:extLst>
                <a:ext uri="{FF2B5EF4-FFF2-40B4-BE49-F238E27FC236}">
                  <a16:creationId xmlns:a16="http://schemas.microsoft.com/office/drawing/2014/main" id="{07652C2F-A141-4AB0-9E2F-202CA0F5FB93}"/>
                </a:ext>
              </a:extLst>
            </p:cNvPr>
            <p:cNvSpPr>
              <a:spLocks noChangeArrowheads="1"/>
            </p:cNvSpPr>
            <p:nvPr userDrawn="1"/>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Rectangle 10">
              <a:extLst>
                <a:ext uri="{FF2B5EF4-FFF2-40B4-BE49-F238E27FC236}">
                  <a16:creationId xmlns:a16="http://schemas.microsoft.com/office/drawing/2014/main" id="{5648F6A9-F4A7-4EA4-BEB8-6F1BB21E0FBB}"/>
                </a:ext>
              </a:extLst>
            </p:cNvPr>
            <p:cNvSpPr>
              <a:spLocks noChangeArrowheads="1"/>
            </p:cNvSpPr>
            <p:nvPr userDrawn="1"/>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Freeform 11">
              <a:extLst>
                <a:ext uri="{FF2B5EF4-FFF2-40B4-BE49-F238E27FC236}">
                  <a16:creationId xmlns:a16="http://schemas.microsoft.com/office/drawing/2014/main" id="{1217BB3C-3B45-4FD5-A1F2-2A4B137E814A}"/>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2">
              <a:extLst>
                <a:ext uri="{FF2B5EF4-FFF2-40B4-BE49-F238E27FC236}">
                  <a16:creationId xmlns:a16="http://schemas.microsoft.com/office/drawing/2014/main" id="{2285CDEF-D8F9-4088-8EFE-11B02C6E1F4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8" name="Freeform 13">
              <a:extLst>
                <a:ext uri="{FF2B5EF4-FFF2-40B4-BE49-F238E27FC236}">
                  <a16:creationId xmlns:a16="http://schemas.microsoft.com/office/drawing/2014/main" id="{8B4FB454-2D1E-4839-87E0-3E961CBE461C}"/>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9" name="Freeform 14">
              <a:extLst>
                <a:ext uri="{FF2B5EF4-FFF2-40B4-BE49-F238E27FC236}">
                  <a16:creationId xmlns:a16="http://schemas.microsoft.com/office/drawing/2014/main" id="{95322F62-2CA7-4C72-BE20-8B93945A3273}"/>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40" name="Title 1">
            <a:extLst>
              <a:ext uri="{FF2B5EF4-FFF2-40B4-BE49-F238E27FC236}">
                <a16:creationId xmlns:a16="http://schemas.microsoft.com/office/drawing/2014/main" id="{D9B25E43-ACA5-4BFC-98CD-B96634D5AD4A}"/>
              </a:ext>
            </a:extLst>
          </p:cNvPr>
          <p:cNvSpPr>
            <a:spLocks noGrp="1"/>
          </p:cNvSpPr>
          <p:nvPr>
            <p:ph type="ctrTitle"/>
          </p:nvPr>
        </p:nvSpPr>
        <p:spPr bwMode="gray">
          <a:xfrm>
            <a:off x="501651" y="5332396"/>
            <a:ext cx="4446269" cy="464044"/>
          </a:xfrm>
        </p:spPr>
        <p:txBody>
          <a:bodyPr anchor="t" anchorCtr="0">
            <a:noAutofit/>
          </a:bodyPr>
          <a:lstStyle>
            <a:lvl1pPr algn="l">
              <a:lnSpc>
                <a:spcPct val="100000"/>
              </a:lnSpc>
              <a:defRPr sz="2100" b="0">
                <a:solidFill>
                  <a:schemeClr val="accent1"/>
                </a:solidFill>
                <a:latin typeface="+mn-lt"/>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41" name="Text Placeholder 4">
            <a:extLst>
              <a:ext uri="{FF2B5EF4-FFF2-40B4-BE49-F238E27FC236}">
                <a16:creationId xmlns:a16="http://schemas.microsoft.com/office/drawing/2014/main" id="{EE5D7BA0-7E63-4F55-8707-FB998AF96C8C}"/>
              </a:ext>
            </a:extLst>
          </p:cNvPr>
          <p:cNvSpPr>
            <a:spLocks noGrp="1"/>
          </p:cNvSpPr>
          <p:nvPr>
            <p:ph type="body" sz="quarter" idx="10"/>
          </p:nvPr>
        </p:nvSpPr>
        <p:spPr>
          <a:xfrm>
            <a:off x="501651" y="6381750"/>
            <a:ext cx="4446269" cy="273050"/>
          </a:xfrm>
          <a:prstGeom prst="rect">
            <a:avLst/>
          </a:prstGeom>
        </p:spPr>
        <p:txBody>
          <a:bodyPr>
            <a:noAutofit/>
          </a:bodyPr>
          <a:lstStyle>
            <a:lvl1pPr>
              <a:spcAft>
                <a:spcPts val="0"/>
              </a:spcAft>
              <a:defRPr sz="1600">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Tree>
    <p:extLst>
      <p:ext uri="{BB962C8B-B14F-4D97-AF65-F5344CB8AC3E}">
        <p14:creationId xmlns:p14="http://schemas.microsoft.com/office/powerpoint/2010/main" val="941532539"/>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normAutofit/>
          </a:bodyPr>
          <a:lstStyle>
            <a:lvl1pPr>
              <a:defRPr sz="3600"/>
            </a:lvl1p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78975327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677335" y="2700867"/>
            <a:ext cx="8596668" cy="1826581"/>
          </a:xfrm>
        </p:spPr>
        <p:txBody>
          <a:bodyPr anchor="b"/>
          <a:lstStyle>
            <a:lvl1pPr algn="l">
              <a:defRPr sz="4000" b="0" cap="none"/>
            </a:lvl1pPr>
          </a:lstStyle>
          <a:p>
            <a:r>
              <a:rPr lang="en-US"/>
              <a:t>Click to edit Master title style</a:t>
            </a:r>
            <a:endParaRPr lang="en-US" dirty="0"/>
          </a:p>
        </p:txBody>
      </p:sp>
      <p:sp>
        <p:nvSpPr>
          <p:cNvPr id="3" name="Text Placeholder 2"/>
          <p:cNvSpPr>
            <a:spLocks noGrp="1"/>
          </p:cNvSpPr>
          <p:nvPr>
            <p:ph type="body" idx="1"/>
          </p:nvPr>
        </p:nvSpPr>
        <p:spPr>
          <a:xfrm>
            <a:off x="677335" y="4527448"/>
            <a:ext cx="8596668" cy="860400"/>
          </a:xfrm>
        </p:spPr>
        <p:txBody>
          <a:bodyPr anchor="t"/>
          <a:lstStyle>
            <a:lvl1pPr marL="0" indent="0" algn="l">
              <a:buNone/>
              <a:defRPr sz="2000">
                <a:solidFill>
                  <a:schemeClr val="tx1">
                    <a:lumMod val="50000"/>
                    <a:lumOff val="50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176771458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677334" y="2160589"/>
            <a:ext cx="4184035" cy="388077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5089970" y="2160589"/>
            <a:ext cx="4184034" cy="388077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EB712588-04B1-427B-82EE-E8DB90309F08}" type="datetimeFigureOut">
              <a:rPr lang="en-US" smtClean="0"/>
              <a:t>6/17/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6FF9F0C5-380F-41C2-899A-BAC0F0927E16}" type="slidenum">
              <a:rPr lang="en-US" smtClean="0"/>
              <a:t>‹#›</a:t>
            </a:fld>
            <a:endParaRPr lang="en-US" dirty="0"/>
          </a:p>
        </p:txBody>
      </p:sp>
    </p:spTree>
    <p:extLst>
      <p:ext uri="{BB962C8B-B14F-4D97-AF65-F5344CB8AC3E}">
        <p14:creationId xmlns:p14="http://schemas.microsoft.com/office/powerpoint/2010/main" val="25524362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lvl1pPr>
          </a:lstStyle>
          <a:p>
            <a:r>
              <a:rPr lang="en-US"/>
              <a:t>Click to edit Master title style</a:t>
            </a:r>
            <a:endParaRPr lang="en-US" dirty="0"/>
          </a:p>
        </p:txBody>
      </p:sp>
      <p:sp>
        <p:nvSpPr>
          <p:cNvPr id="3" name="Text Placeholder 2"/>
          <p:cNvSpPr>
            <a:spLocks noGrp="1"/>
          </p:cNvSpPr>
          <p:nvPr>
            <p:ph type="body" idx="1"/>
          </p:nvPr>
        </p:nvSpPr>
        <p:spPr>
          <a:xfrm>
            <a:off x="675745" y="2160983"/>
            <a:ext cx="4185623" cy="576262"/>
          </a:xfrm>
        </p:spPr>
        <p:txBody>
          <a:bodyPr anchor="b">
            <a:noAutofit/>
          </a:bodyPr>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675745" y="2737245"/>
            <a:ext cx="4185623" cy="3304117"/>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5088383" y="2160983"/>
            <a:ext cx="4185618" cy="576262"/>
          </a:xfrm>
        </p:spPr>
        <p:txBody>
          <a:bodyPr anchor="b">
            <a:noAutofit/>
          </a:bodyPr>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5088384" y="2737245"/>
            <a:ext cx="4185617" cy="3304117"/>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67839218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a:xfrm>
            <a:off x="677334" y="609600"/>
            <a:ext cx="8596668" cy="1320800"/>
          </a:xfrm>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5" name="Slide Number Placeholder 4"/>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591049575"/>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1072378334"/>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77334" y="1498604"/>
            <a:ext cx="3854528" cy="1278466"/>
          </a:xfrm>
        </p:spPr>
        <p:txBody>
          <a:bodyPr anchor="b">
            <a:normAutofit/>
          </a:bodyPr>
          <a:lstStyle>
            <a:lvl1pPr>
              <a:defRPr sz="2000"/>
            </a:lvl1pPr>
          </a:lstStyle>
          <a:p>
            <a:r>
              <a:rPr lang="en-US"/>
              <a:t>Click to edit Master title style</a:t>
            </a:r>
            <a:endParaRPr lang="en-US" dirty="0"/>
          </a:p>
        </p:txBody>
      </p:sp>
      <p:sp>
        <p:nvSpPr>
          <p:cNvPr id="3" name="Content Placeholder 2"/>
          <p:cNvSpPr>
            <a:spLocks noGrp="1"/>
          </p:cNvSpPr>
          <p:nvPr>
            <p:ph idx="1"/>
          </p:nvPr>
        </p:nvSpPr>
        <p:spPr>
          <a:xfrm>
            <a:off x="4760461" y="514924"/>
            <a:ext cx="4513541" cy="5526437"/>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677334" y="2777069"/>
            <a:ext cx="3854528" cy="2584449"/>
          </a:xfrm>
        </p:spPr>
        <p:txBody>
          <a:bodyPr>
            <a:normAutofit/>
          </a:bodyPr>
          <a:lstStyle>
            <a:lvl1pPr marL="0" indent="0">
              <a:buNone/>
              <a:defRPr sz="1400"/>
            </a:lvl1pPr>
            <a:lvl2pPr marL="457063" indent="0">
              <a:buNone/>
              <a:defRPr sz="1400"/>
            </a:lvl2pPr>
            <a:lvl3pPr marL="914126" indent="0">
              <a:buNone/>
              <a:defRPr sz="1200"/>
            </a:lvl3pPr>
            <a:lvl4pPr marL="1371189" indent="0">
              <a:buNone/>
              <a:defRPr sz="1000"/>
            </a:lvl4pPr>
            <a:lvl5pPr marL="1828251" indent="0">
              <a:buNone/>
              <a:defRPr sz="1000"/>
            </a:lvl5pPr>
            <a:lvl6pPr marL="2285314" indent="0">
              <a:buNone/>
              <a:defRPr sz="1000"/>
            </a:lvl6pPr>
            <a:lvl7pPr marL="2742377" indent="0">
              <a:buNone/>
              <a:defRPr sz="1000"/>
            </a:lvl7pPr>
            <a:lvl8pPr marL="3199440" indent="0">
              <a:buNone/>
              <a:defRPr sz="1000"/>
            </a:lvl8pPr>
            <a:lvl9pPr marL="3656503"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2A54C80-263E-416B-A8E0-580EDEADCBDC}" type="datetimeFigureOut">
              <a:rPr lang="en-US" smtClean="0"/>
              <a:t>6/17/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519954A3-9DFD-4C44-94BA-B95130A3BA1C}" type="slidenum">
              <a:rPr lang="en-US" smtClean="0"/>
              <a:t>‹#›</a:t>
            </a:fld>
            <a:endParaRPr lang="en-US" dirty="0"/>
          </a:p>
        </p:txBody>
      </p:sp>
    </p:spTree>
    <p:extLst>
      <p:ext uri="{BB962C8B-B14F-4D97-AF65-F5344CB8AC3E}">
        <p14:creationId xmlns:p14="http://schemas.microsoft.com/office/powerpoint/2010/main" val="417392313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77334" y="4800600"/>
            <a:ext cx="8596667" cy="566738"/>
          </a:xfrm>
        </p:spPr>
        <p:txBody>
          <a:bodyPr anchor="b">
            <a:normAutofit/>
          </a:bodyPr>
          <a:lstStyle>
            <a:lvl1pPr algn="l">
              <a:defRPr sz="2400" b="0"/>
            </a:lvl1pPr>
          </a:lstStyle>
          <a:p>
            <a:r>
              <a:rPr lang="en-US"/>
              <a:t>Click to edit Master title style</a:t>
            </a:r>
            <a:endParaRPr lang="en-US" dirty="0"/>
          </a:p>
        </p:txBody>
      </p:sp>
      <p:sp>
        <p:nvSpPr>
          <p:cNvPr id="3" name="Picture Placeholder 2"/>
          <p:cNvSpPr>
            <a:spLocks noGrp="1" noChangeAspect="1"/>
          </p:cNvSpPr>
          <p:nvPr>
            <p:ph type="pic" idx="1"/>
          </p:nvPr>
        </p:nvSpPr>
        <p:spPr>
          <a:xfrm>
            <a:off x="677334" y="609600"/>
            <a:ext cx="8596668" cy="3845718"/>
          </a:xfrm>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dirty="0"/>
              <a:t>Click icon to add picture</a:t>
            </a:r>
          </a:p>
        </p:txBody>
      </p:sp>
      <p:sp>
        <p:nvSpPr>
          <p:cNvPr id="4" name="Text Placeholder 3"/>
          <p:cNvSpPr>
            <a:spLocks noGrp="1"/>
          </p:cNvSpPr>
          <p:nvPr>
            <p:ph type="body" sz="half" idx="2"/>
          </p:nvPr>
        </p:nvSpPr>
        <p:spPr>
          <a:xfrm>
            <a:off x="677334" y="5367338"/>
            <a:ext cx="8596667" cy="674024"/>
          </a:xfrm>
        </p:spPr>
        <p:txBody>
          <a:bodyPr>
            <a:normAutofit/>
          </a:bodyPr>
          <a:lstStyle>
            <a:lvl1pPr marL="0" indent="0">
              <a:buNone/>
              <a:defRPr sz="12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B61BEF0D-F0BB-DE4B-95CE-6DB70DBA9567}" type="datetimeFigureOut">
              <a:rPr lang="en-US" smtClean="0"/>
              <a:pPr/>
              <a:t>6/17/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7640856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pSp>
        <p:nvGrpSpPr>
          <p:cNvPr id="7" name="Group 6"/>
          <p:cNvGrpSpPr/>
          <p:nvPr/>
        </p:nvGrpSpPr>
        <p:grpSpPr>
          <a:xfrm>
            <a:off x="0" y="-8467"/>
            <a:ext cx="12192000" cy="6866467"/>
            <a:chOff x="0" y="-8467"/>
            <a:chExt cx="12192000" cy="6866467"/>
          </a:xfrm>
        </p:grpSpPr>
        <p:cxnSp>
          <p:nvCxnSpPr>
            <p:cNvPr id="20" name="Straight Connector 19"/>
            <p:cNvCxnSpPr/>
            <p:nvPr/>
          </p:nvCxnSpPr>
          <p:spPr>
            <a:xfrm>
              <a:off x="9371012" y="0"/>
              <a:ext cx="1219200" cy="6858000"/>
            </a:xfrm>
            <a:prstGeom prst="line">
              <a:avLst/>
            </a:prstGeom>
            <a:ln w="9525">
              <a:solidFill>
                <a:schemeClr val="bg1">
                  <a:lumMod val="75000"/>
                </a:schemeClr>
              </a:solidFill>
            </a:ln>
          </p:spPr>
          <p:style>
            <a:lnRef idx="2">
              <a:schemeClr val="accent1"/>
            </a:lnRef>
            <a:fillRef idx="0">
              <a:schemeClr val="accent1"/>
            </a:fillRef>
            <a:effectRef idx="1">
              <a:schemeClr val="accent1"/>
            </a:effectRef>
            <a:fontRef idx="minor">
              <a:schemeClr val="tx1"/>
            </a:fontRef>
          </p:style>
        </p:cxnSp>
        <p:cxnSp>
          <p:nvCxnSpPr>
            <p:cNvPr id="21" name="Straight Connector 20"/>
            <p:cNvCxnSpPr/>
            <p:nvPr/>
          </p:nvCxnSpPr>
          <p:spPr>
            <a:xfrm flipH="1">
              <a:off x="7425267" y="3681413"/>
              <a:ext cx="4763558" cy="3176587"/>
            </a:xfrm>
            <a:prstGeom prst="line">
              <a:avLst/>
            </a:prstGeom>
            <a:ln w="9525">
              <a:solidFill>
                <a:schemeClr val="bg1">
                  <a:lumMod val="85000"/>
                </a:schemeClr>
              </a:solidFill>
            </a:ln>
          </p:spPr>
          <p:style>
            <a:lnRef idx="2">
              <a:schemeClr val="accent1"/>
            </a:lnRef>
            <a:fillRef idx="0">
              <a:schemeClr val="accent1"/>
            </a:fillRef>
            <a:effectRef idx="1">
              <a:schemeClr val="accent1"/>
            </a:effectRef>
            <a:fontRef idx="minor">
              <a:schemeClr val="tx1"/>
            </a:fontRef>
          </p:style>
        </p:cxnSp>
        <p:sp>
          <p:nvSpPr>
            <p:cNvPr id="22" name="Rectangle 23"/>
            <p:cNvSpPr/>
            <p:nvPr/>
          </p:nvSpPr>
          <p:spPr>
            <a:xfrm>
              <a:off x="9181476" y="-8467"/>
              <a:ext cx="3007349" cy="6866467"/>
            </a:xfrm>
            <a:custGeom>
              <a:avLst/>
              <a:gdLst/>
              <a:ahLst/>
              <a:cxnLst/>
              <a:rect l="l" t="t" r="r" b="b"/>
              <a:pathLst>
                <a:path w="3007349" h="6866467">
                  <a:moveTo>
                    <a:pt x="2045532" y="0"/>
                  </a:moveTo>
                  <a:lnTo>
                    <a:pt x="3007349" y="0"/>
                  </a:lnTo>
                  <a:lnTo>
                    <a:pt x="3007349" y="6866467"/>
                  </a:lnTo>
                  <a:lnTo>
                    <a:pt x="0" y="6866467"/>
                  </a:lnTo>
                  <a:lnTo>
                    <a:pt x="2045532" y="0"/>
                  </a:lnTo>
                  <a:close/>
                </a:path>
              </a:pathLst>
            </a:custGeom>
            <a:solidFill>
              <a:schemeClr val="accent1">
                <a:alpha val="3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3" name="Rectangle 25"/>
            <p:cNvSpPr/>
            <p:nvPr/>
          </p:nvSpPr>
          <p:spPr>
            <a:xfrm>
              <a:off x="9603442" y="-8467"/>
              <a:ext cx="2588558" cy="6866467"/>
            </a:xfrm>
            <a:custGeom>
              <a:avLst/>
              <a:gdLst/>
              <a:ahLst/>
              <a:cxnLst/>
              <a:rect l="l" t="t" r="r" b="b"/>
              <a:pathLst>
                <a:path w="2573311" h="6866467">
                  <a:moveTo>
                    <a:pt x="0" y="0"/>
                  </a:moveTo>
                  <a:lnTo>
                    <a:pt x="2573311" y="0"/>
                  </a:lnTo>
                  <a:lnTo>
                    <a:pt x="2573311" y="6866467"/>
                  </a:lnTo>
                  <a:lnTo>
                    <a:pt x="1202336" y="6866467"/>
                  </a:lnTo>
                  <a:lnTo>
                    <a:pt x="0" y="0"/>
                  </a:lnTo>
                  <a:close/>
                </a:path>
              </a:pathLst>
            </a:custGeom>
            <a:solidFill>
              <a:schemeClr val="accent1">
                <a:alpha val="2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4" name="Isosceles Triangle 23"/>
            <p:cNvSpPr/>
            <p:nvPr/>
          </p:nvSpPr>
          <p:spPr>
            <a:xfrm>
              <a:off x="8932333" y="3048000"/>
              <a:ext cx="3259667" cy="3810000"/>
            </a:xfrm>
            <a:prstGeom prst="triangle">
              <a:avLst>
                <a:gd name="adj" fmla="val 100000"/>
              </a:avLst>
            </a:prstGeom>
            <a:solidFill>
              <a:schemeClr val="accent2">
                <a:alpha val="72000"/>
              </a:schemeClr>
            </a:solidFill>
            <a:ln>
              <a:noFill/>
            </a:ln>
            <a:effectLst/>
          </p:spPr>
          <p:style>
            <a:lnRef idx="1">
              <a:schemeClr val="accent1"/>
            </a:lnRef>
            <a:fillRef idx="3">
              <a:schemeClr val="accent1"/>
            </a:fillRef>
            <a:effectRef idx="2">
              <a:schemeClr val="accent1"/>
            </a:effectRef>
            <a:fontRef idx="minor">
              <a:schemeClr val="lt1"/>
            </a:fontRef>
          </p:style>
        </p:sp>
        <p:sp>
          <p:nvSpPr>
            <p:cNvPr id="25" name="Rectangle 27"/>
            <p:cNvSpPr/>
            <p:nvPr/>
          </p:nvSpPr>
          <p:spPr>
            <a:xfrm>
              <a:off x="9334500" y="-8467"/>
              <a:ext cx="2854326" cy="6866467"/>
            </a:xfrm>
            <a:custGeom>
              <a:avLst/>
              <a:gdLst/>
              <a:ahLst/>
              <a:cxnLst/>
              <a:rect l="l" t="t" r="r" b="b"/>
              <a:pathLst>
                <a:path w="2858013" h="6866467">
                  <a:moveTo>
                    <a:pt x="0" y="0"/>
                  </a:moveTo>
                  <a:lnTo>
                    <a:pt x="2858013" y="0"/>
                  </a:lnTo>
                  <a:lnTo>
                    <a:pt x="2858013" y="6866467"/>
                  </a:lnTo>
                  <a:lnTo>
                    <a:pt x="2473942" y="6866467"/>
                  </a:lnTo>
                  <a:lnTo>
                    <a:pt x="0" y="0"/>
                  </a:lnTo>
                  <a:close/>
                </a:path>
              </a:pathLst>
            </a:custGeom>
            <a:solidFill>
              <a:schemeClr val="accent2">
                <a:lumMod val="75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6" name="Rectangle 28"/>
            <p:cNvSpPr/>
            <p:nvPr/>
          </p:nvSpPr>
          <p:spPr>
            <a:xfrm>
              <a:off x="10898730" y="-8467"/>
              <a:ext cx="1290094" cy="6866467"/>
            </a:xfrm>
            <a:custGeom>
              <a:avLst/>
              <a:gdLst/>
              <a:ahLst/>
              <a:cxnLst/>
              <a:rect l="l" t="t" r="r" b="b"/>
              <a:pathLst>
                <a:path w="1290094" h="6858000">
                  <a:moveTo>
                    <a:pt x="1019735" y="0"/>
                  </a:moveTo>
                  <a:lnTo>
                    <a:pt x="1290094" y="0"/>
                  </a:lnTo>
                  <a:lnTo>
                    <a:pt x="1290094" y="6858000"/>
                  </a:lnTo>
                  <a:lnTo>
                    <a:pt x="0" y="6858000"/>
                  </a:lnTo>
                  <a:lnTo>
                    <a:pt x="1019735" y="0"/>
                  </a:lnTo>
                  <a:close/>
                </a:path>
              </a:pathLst>
            </a:custGeom>
            <a:solidFill>
              <a:schemeClr val="accent1">
                <a:lumMod val="60000"/>
                <a:lumOff val="40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7" name="Rectangle 29"/>
            <p:cNvSpPr/>
            <p:nvPr/>
          </p:nvSpPr>
          <p:spPr>
            <a:xfrm>
              <a:off x="10938999" y="-8467"/>
              <a:ext cx="1249825" cy="6866467"/>
            </a:xfrm>
            <a:custGeom>
              <a:avLst/>
              <a:gdLst/>
              <a:ahLst/>
              <a:cxnLst/>
              <a:rect l="l" t="t" r="r" b="b"/>
              <a:pathLst>
                <a:path w="1249825" h="6858000">
                  <a:moveTo>
                    <a:pt x="0" y="0"/>
                  </a:moveTo>
                  <a:lnTo>
                    <a:pt x="1249825" y="0"/>
                  </a:lnTo>
                  <a:lnTo>
                    <a:pt x="1249825" y="6858000"/>
                  </a:lnTo>
                  <a:lnTo>
                    <a:pt x="1109382" y="6858000"/>
                  </a:lnTo>
                  <a:lnTo>
                    <a:pt x="0" y="0"/>
                  </a:lnTo>
                  <a:close/>
                </a:path>
              </a:pathLst>
            </a:custGeom>
            <a:solidFill>
              <a:schemeClr val="accent1">
                <a:alpha val="65000"/>
              </a:schemeClr>
            </a:solidFill>
            <a:ln>
              <a:noFill/>
            </a:ln>
            <a:effectLst/>
          </p:spPr>
          <p:style>
            <a:lnRef idx="1">
              <a:schemeClr val="accent1"/>
            </a:lnRef>
            <a:fillRef idx="3">
              <a:schemeClr val="accent1"/>
            </a:fillRef>
            <a:effectRef idx="2">
              <a:schemeClr val="accent1"/>
            </a:effectRef>
            <a:fontRef idx="minor">
              <a:schemeClr val="lt1"/>
            </a:fontRef>
          </p:style>
        </p:sp>
        <p:sp>
          <p:nvSpPr>
            <p:cNvPr id="28" name="Isosceles Triangle 27"/>
            <p:cNvSpPr/>
            <p:nvPr/>
          </p:nvSpPr>
          <p:spPr>
            <a:xfrm>
              <a:off x="10371666" y="3589867"/>
              <a:ext cx="1817159" cy="3268133"/>
            </a:xfrm>
            <a:prstGeom prst="triangle">
              <a:avLst>
                <a:gd name="adj" fmla="val 100000"/>
              </a:avLst>
            </a:prstGeom>
            <a:solidFill>
              <a:schemeClr val="accent1">
                <a:alpha val="8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9" name="Isosceles Triangle 28"/>
            <p:cNvSpPr/>
            <p:nvPr/>
          </p:nvSpPr>
          <p:spPr>
            <a:xfrm>
              <a:off x="0" y="4013200"/>
              <a:ext cx="448733" cy="2844800"/>
            </a:xfrm>
            <a:prstGeom prst="triangle">
              <a:avLst>
                <a:gd name="adj" fmla="val 0"/>
              </a:avLst>
            </a:prstGeom>
            <a:solidFill>
              <a:schemeClr val="accent1">
                <a:alpha val="85000"/>
              </a:schemeClr>
            </a:solidFill>
            <a:ln>
              <a:noFill/>
            </a:ln>
            <a:effectLst/>
          </p:spPr>
          <p:style>
            <a:lnRef idx="1">
              <a:schemeClr val="accent1"/>
            </a:lnRef>
            <a:fillRef idx="3">
              <a:schemeClr val="accent1"/>
            </a:fillRef>
            <a:effectRef idx="2">
              <a:schemeClr val="accent1"/>
            </a:effectRef>
            <a:fontRef idx="minor">
              <a:schemeClr val="lt1"/>
            </a:fontRef>
          </p:style>
        </p:sp>
      </p:grpSp>
      <p:sp>
        <p:nvSpPr>
          <p:cNvPr id="2" name="Title Placeholder 1"/>
          <p:cNvSpPr>
            <a:spLocks noGrp="1"/>
          </p:cNvSpPr>
          <p:nvPr>
            <p:ph type="title"/>
          </p:nvPr>
        </p:nvSpPr>
        <p:spPr>
          <a:xfrm>
            <a:off x="677334" y="609600"/>
            <a:ext cx="8596668" cy="1320800"/>
          </a:xfrm>
          <a:prstGeom prst="rect">
            <a:avLst/>
          </a:prstGeom>
        </p:spPr>
        <p:txBody>
          <a:bodyPr vert="horz" lIns="91440" tIns="45720" rIns="91440" bIns="45720" rtlCol="0" anchor="t">
            <a:normAutofit/>
          </a:bodyPr>
          <a:lstStyle/>
          <a:p>
            <a:r>
              <a:rPr lang="en-US"/>
              <a:t>Click to edit Master title style</a:t>
            </a:r>
            <a:endParaRPr lang="en-US" dirty="0"/>
          </a:p>
        </p:txBody>
      </p:sp>
      <p:sp>
        <p:nvSpPr>
          <p:cNvPr id="3" name="Text Placeholder 2"/>
          <p:cNvSpPr>
            <a:spLocks noGrp="1"/>
          </p:cNvSpPr>
          <p:nvPr>
            <p:ph type="body" idx="1"/>
          </p:nvPr>
        </p:nvSpPr>
        <p:spPr>
          <a:xfrm>
            <a:off x="677334" y="2160589"/>
            <a:ext cx="8596668" cy="3880773"/>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7205133" y="6041362"/>
            <a:ext cx="911939" cy="365125"/>
          </a:xfrm>
          <a:prstGeom prst="rect">
            <a:avLst/>
          </a:prstGeom>
        </p:spPr>
        <p:txBody>
          <a:bodyPr vert="horz" lIns="91440" tIns="45720" rIns="91440" bIns="45720" rtlCol="0" anchor="ctr"/>
          <a:lstStyle>
            <a:lvl1pPr algn="r">
              <a:defRPr sz="900">
                <a:solidFill>
                  <a:schemeClr val="tx1">
                    <a:tint val="75000"/>
                  </a:schemeClr>
                </a:solidFill>
              </a:defRPr>
            </a:lvl1pPr>
          </a:lstStyle>
          <a:p>
            <a:fld id="{B61BEF0D-F0BB-DE4B-95CE-6DB70DBA9567}" type="datetimeFigureOut">
              <a:rPr lang="en-US" dirty="0"/>
              <a:pPr/>
              <a:t>6/17/2025</a:t>
            </a:fld>
            <a:endParaRPr lang="en-US" dirty="0"/>
          </a:p>
        </p:txBody>
      </p:sp>
      <p:sp>
        <p:nvSpPr>
          <p:cNvPr id="5" name="Footer Placeholder 4"/>
          <p:cNvSpPr>
            <a:spLocks noGrp="1"/>
          </p:cNvSpPr>
          <p:nvPr>
            <p:ph type="ftr" sz="quarter" idx="3"/>
          </p:nvPr>
        </p:nvSpPr>
        <p:spPr>
          <a:xfrm>
            <a:off x="677334" y="6041362"/>
            <a:ext cx="6297612" cy="365125"/>
          </a:xfrm>
          <a:prstGeom prst="rect">
            <a:avLst/>
          </a:prstGeom>
        </p:spPr>
        <p:txBody>
          <a:bodyPr vert="horz" lIns="91440" tIns="45720" rIns="91440" bIns="45720" rtlCol="0" anchor="ctr"/>
          <a:lstStyle>
            <a:lvl1pPr algn="l">
              <a:defRPr sz="900">
                <a:solidFill>
                  <a:schemeClr val="tx1">
                    <a:tint val="75000"/>
                  </a:schemeClr>
                </a:solidFill>
              </a:defRPr>
            </a:lvl1pPr>
          </a:lstStyle>
          <a:p>
            <a:endParaRPr lang="en-US" dirty="0"/>
          </a:p>
        </p:txBody>
      </p:sp>
      <p:sp>
        <p:nvSpPr>
          <p:cNvPr id="6" name="Slide Number Placeholder 5"/>
          <p:cNvSpPr>
            <a:spLocks noGrp="1"/>
          </p:cNvSpPr>
          <p:nvPr>
            <p:ph type="sldNum" sz="quarter" idx="4"/>
          </p:nvPr>
        </p:nvSpPr>
        <p:spPr>
          <a:xfrm>
            <a:off x="8590663" y="6041362"/>
            <a:ext cx="683339" cy="365125"/>
          </a:xfrm>
          <a:prstGeom prst="rect">
            <a:avLst/>
          </a:prstGeom>
        </p:spPr>
        <p:txBody>
          <a:bodyPr vert="horz" lIns="91440" tIns="45720" rIns="91440" bIns="45720" rtlCol="0" anchor="ctr"/>
          <a:lstStyle>
            <a:lvl1pPr algn="r">
              <a:defRPr sz="900">
                <a:solidFill>
                  <a:schemeClr val="accent1"/>
                </a:solidFill>
              </a:defRPr>
            </a:lvl1pPr>
          </a:lstStyle>
          <a:p>
            <a:fld id="{D57F1E4F-1CFF-5643-939E-217C01CDF565}" type="slidenum">
              <a:rPr lang="en-US" dirty="0"/>
              <a:pPr/>
              <a:t>‹#›</a:t>
            </a:fld>
            <a:endParaRPr lang="en-US" dirty="0"/>
          </a:p>
        </p:txBody>
      </p:sp>
    </p:spTree>
    <p:extLst>
      <p:ext uri="{BB962C8B-B14F-4D97-AF65-F5344CB8AC3E}">
        <p14:creationId xmlns:p14="http://schemas.microsoft.com/office/powerpoint/2010/main" val="3430508837"/>
      </p:ext>
    </p:extLst>
  </p:cSld>
  <p:clrMap bg1="lt1" tx1="dk1" bg2="lt2" tx2="dk2" accent1="accent1" accent2="accent2" accent3="accent3" accent4="accent4" accent5="accent5" accent6="accent6" hlink="hlink" folHlink="folHlink"/>
  <p:sldLayoutIdLst>
    <p:sldLayoutId id="2147483732" r:id="rId1"/>
    <p:sldLayoutId id="2147483733" r:id="rId2"/>
    <p:sldLayoutId id="2147483734" r:id="rId3"/>
    <p:sldLayoutId id="2147483735" r:id="rId4"/>
    <p:sldLayoutId id="2147483736" r:id="rId5"/>
    <p:sldLayoutId id="2147483737" r:id="rId6"/>
    <p:sldLayoutId id="2147483738" r:id="rId7"/>
    <p:sldLayoutId id="2147483739" r:id="rId8"/>
    <p:sldLayoutId id="2147483740" r:id="rId9"/>
    <p:sldLayoutId id="2147483741" r:id="rId10"/>
    <p:sldLayoutId id="2147483742" r:id="rId11"/>
    <p:sldLayoutId id="2147483743" r:id="rId12"/>
    <p:sldLayoutId id="2147483744" r:id="rId13"/>
    <p:sldLayoutId id="2147483745" r:id="rId14"/>
    <p:sldLayoutId id="2147483746" r:id="rId15"/>
    <p:sldLayoutId id="2147483747" r:id="rId16"/>
    <p:sldLayoutId id="2147483748" r:id="rId17"/>
    <p:sldLayoutId id="2147483749" r:id="rId18"/>
    <p:sldLayoutId id="2147483750" r:id="rId19"/>
  </p:sldLayoutIdLst>
  <p:transition>
    <p:fade/>
  </p:transition>
  <p:txStyles>
    <p:titleStyle>
      <a:lvl1pPr algn="l" defTabSz="457200" rtl="0" eaLnBrk="1" latinLnBrk="0" hangingPunct="1">
        <a:spcBef>
          <a:spcPct val="0"/>
        </a:spcBef>
        <a:buNone/>
        <a:defRPr sz="3600" kern="1200">
          <a:solidFill>
            <a:schemeClr val="accent1"/>
          </a:solidFill>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p:titleStyle>
    <p:bodyStyle>
      <a:lvl1pPr marL="342900" indent="-342900" algn="l" defTabSz="457200" rtl="0" eaLnBrk="1" latinLnBrk="0" hangingPunct="1">
        <a:spcBef>
          <a:spcPts val="1000"/>
        </a:spcBef>
        <a:spcAft>
          <a:spcPts val="0"/>
        </a:spcAft>
        <a:buClr>
          <a:schemeClr val="accent1"/>
        </a:buClr>
        <a:buSzPct val="80000"/>
        <a:buFont typeface="Wingdings 3" charset="2"/>
        <a:buChar char=""/>
        <a:defRPr sz="1800" kern="1200">
          <a:solidFill>
            <a:schemeClr val="tx1">
              <a:lumMod val="75000"/>
              <a:lumOff val="25000"/>
            </a:schemeClr>
          </a:solidFill>
          <a:latin typeface="+mn-lt"/>
          <a:ea typeface="+mn-ea"/>
          <a:cs typeface="+mn-cs"/>
        </a:defRPr>
      </a:lvl1pPr>
      <a:lvl2pPr marL="742950" indent="-285750" algn="l" defTabSz="457200" rtl="0" eaLnBrk="1" latinLnBrk="0" hangingPunct="1">
        <a:spcBef>
          <a:spcPts val="1000"/>
        </a:spcBef>
        <a:spcAft>
          <a:spcPts val="0"/>
        </a:spcAft>
        <a:buClr>
          <a:schemeClr val="accent1"/>
        </a:buClr>
        <a:buSzPct val="80000"/>
        <a:buFont typeface="Wingdings 3" charset="2"/>
        <a:buChar char=""/>
        <a:defRPr sz="1600" kern="1200">
          <a:solidFill>
            <a:schemeClr val="tx1">
              <a:lumMod val="75000"/>
              <a:lumOff val="25000"/>
            </a:schemeClr>
          </a:solidFill>
          <a:latin typeface="+mn-lt"/>
          <a:ea typeface="+mn-ea"/>
          <a:cs typeface="+mn-cs"/>
        </a:defRPr>
      </a:lvl2pPr>
      <a:lvl3pPr marL="1143000" indent="-228600" algn="l" defTabSz="457200" rtl="0" eaLnBrk="1" latinLnBrk="0" hangingPunct="1">
        <a:spcBef>
          <a:spcPts val="1000"/>
        </a:spcBef>
        <a:spcAft>
          <a:spcPts val="0"/>
        </a:spcAft>
        <a:buClr>
          <a:schemeClr val="accent1"/>
        </a:buClr>
        <a:buSzPct val="80000"/>
        <a:buFont typeface="Wingdings 3" charset="2"/>
        <a:buChar char=""/>
        <a:defRPr sz="1400" kern="1200">
          <a:solidFill>
            <a:schemeClr val="tx1">
              <a:lumMod val="75000"/>
              <a:lumOff val="25000"/>
            </a:schemeClr>
          </a:solidFill>
          <a:latin typeface="+mn-lt"/>
          <a:ea typeface="+mn-ea"/>
          <a:cs typeface="+mn-cs"/>
        </a:defRPr>
      </a:lvl3pPr>
      <a:lvl4pPr marL="16002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4pPr>
      <a:lvl5pPr marL="20574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5pPr>
      <a:lvl6pPr marL="25146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6pPr>
      <a:lvl7pPr marL="29718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7pPr>
      <a:lvl8pPr marL="34290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8pPr>
      <a:lvl9pPr marL="38862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9pPr>
    </p:bodyStyle>
    <p:other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notesSlide" Target="../notesSlides/notesSlide1.xml"/><Relationship Id="rId1" Type="http://schemas.openxmlformats.org/officeDocument/2006/relationships/slideLayout" Target="../slideLayouts/slideLayout17.xml"/><Relationship Id="rId4" Type="http://schemas.openxmlformats.org/officeDocument/2006/relationships/image" Target="../media/image2.png"/></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18.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18.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18.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18.xml"/></Relationships>
</file>

<file path=ppt/slides/_rels/slide14.xml.rels><?xml version="1.0" encoding="UTF-8" standalone="yes"?>
<Relationships xmlns="http://schemas.openxmlformats.org/package/2006/relationships"><Relationship Id="rId8" Type="http://schemas.openxmlformats.org/officeDocument/2006/relationships/image" Target="../media/image4.png"/><Relationship Id="rId3" Type="http://schemas.openxmlformats.org/officeDocument/2006/relationships/tags" Target="../tags/tag2.xml"/><Relationship Id="rId7" Type="http://schemas.openxmlformats.org/officeDocument/2006/relationships/image" Target="../media/image3.png"/><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hyperlink" Target="http://www.deloitte.gr/" TargetMode="External"/><Relationship Id="rId5" Type="http://schemas.openxmlformats.org/officeDocument/2006/relationships/notesSlide" Target="../notesSlides/notesSlide14.xml"/><Relationship Id="rId4" Type="http://schemas.openxmlformats.org/officeDocument/2006/relationships/slideLayout" Target="../slideLayouts/slideLayout19.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18.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18.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18.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18.xml"/></Relationships>
</file>

<file path=ppt/slides/_rels/slide1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19.xml"/><Relationship Id="rId1" Type="http://schemas.openxmlformats.org/officeDocument/2006/relationships/slideLayout" Target="../slideLayouts/slideLayout18.xml"/></Relationships>
</file>

<file path=ppt/slides/_rels/slide2.xml.rels><?xml version="1.0" encoding="UTF-8" standalone="yes"?>
<Relationships xmlns="http://schemas.openxmlformats.org/package/2006/relationships"><Relationship Id="rId8" Type="http://schemas.openxmlformats.org/officeDocument/2006/relationships/image" Target="../media/image4.png"/><Relationship Id="rId3" Type="http://schemas.openxmlformats.org/officeDocument/2006/relationships/tags" Target="../tags/tag1.xml"/><Relationship Id="rId7" Type="http://schemas.openxmlformats.org/officeDocument/2006/relationships/image" Target="../media/image3.png"/><Relationship Id="rId2" Type="http://schemas.openxmlformats.org/officeDocument/2006/relationships/customXml" Target="../../customXml/item4.xml"/><Relationship Id="rId1" Type="http://schemas.openxmlformats.org/officeDocument/2006/relationships/customXml" Target="../../customXml/item3.xml"/><Relationship Id="rId6" Type="http://schemas.openxmlformats.org/officeDocument/2006/relationships/hyperlink" Target="http://www.deloitte.gr/" TargetMode="External"/><Relationship Id="rId5" Type="http://schemas.openxmlformats.org/officeDocument/2006/relationships/notesSlide" Target="../notesSlides/notesSlide2.xml"/><Relationship Id="rId4" Type="http://schemas.openxmlformats.org/officeDocument/2006/relationships/slideLayout" Target="../slideLayouts/slideLayout19.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18.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18.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18.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18.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24.xml"/><Relationship Id="rId1" Type="http://schemas.openxmlformats.org/officeDocument/2006/relationships/slideLayout" Target="../slideLayouts/slideLayout18.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18.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18.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18.xml"/></Relationships>
</file>

<file path=ppt/slides/_rels/slide28.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notesSlide" Target="../notesSlides/notesSlide28.xml"/><Relationship Id="rId1" Type="http://schemas.openxmlformats.org/officeDocument/2006/relationships/slideLayout" Target="../slideLayouts/slideLayout18.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8.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8.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8.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18.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18.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18.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0B800686-F7E9-AC45-93E0-B4CD76659ACD}"/>
              </a:ext>
            </a:extLst>
          </p:cNvPr>
          <p:cNvPicPr>
            <a:picLocks noChangeAspect="1"/>
          </p:cNvPicPr>
          <p:nvPr/>
        </p:nvPicPr>
        <p:blipFill>
          <a:blip r:embed="rId3"/>
          <a:stretch>
            <a:fillRect/>
          </a:stretch>
        </p:blipFill>
        <p:spPr>
          <a:xfrm>
            <a:off x="4000934" y="1322610"/>
            <a:ext cx="4244295" cy="4244295"/>
          </a:xfrm>
          <a:prstGeom prst="rect">
            <a:avLst/>
          </a:prstGeom>
        </p:spPr>
      </p:pic>
      <p:sp>
        <p:nvSpPr>
          <p:cNvPr id="13" name="Title 12">
            <a:extLst>
              <a:ext uri="{FF2B5EF4-FFF2-40B4-BE49-F238E27FC236}">
                <a16:creationId xmlns:a16="http://schemas.microsoft.com/office/drawing/2014/main" id="{DE5B9CEA-5E73-4E22-8C75-E8D43059FFC7}"/>
              </a:ext>
            </a:extLst>
          </p:cNvPr>
          <p:cNvSpPr>
            <a:spLocks noGrp="1"/>
          </p:cNvSpPr>
          <p:nvPr>
            <p:ph type="ctrTitle"/>
          </p:nvPr>
        </p:nvSpPr>
        <p:spPr>
          <a:xfrm>
            <a:off x="457201" y="5699679"/>
            <a:ext cx="5532633" cy="515287"/>
          </a:xfrm>
        </p:spPr>
        <p:txBody>
          <a:bodyPr/>
          <a:lstStyle/>
          <a:p>
            <a:r>
              <a:rPr lang="en-US" dirty="0" err="1"/>
              <a:t>Unindustria</a:t>
            </a:r>
            <a:r>
              <a:rPr lang="en-US" dirty="0"/>
              <a:t> 17 giugno 2025 </a:t>
            </a:r>
          </a:p>
        </p:txBody>
      </p:sp>
      <p:pic>
        <p:nvPicPr>
          <p:cNvPr id="8" name="Picture 7">
            <a:extLst>
              <a:ext uri="{FF2B5EF4-FFF2-40B4-BE49-F238E27FC236}">
                <a16:creationId xmlns:a16="http://schemas.microsoft.com/office/drawing/2014/main" id="{359138ED-0968-4032-A810-5D84ED6F3BD7}"/>
              </a:ext>
            </a:extLst>
          </p:cNvPr>
          <p:cNvPicPr>
            <a:picLocks noChangeAspect="1"/>
          </p:cNvPicPr>
          <p:nvPr/>
        </p:nvPicPr>
        <p:blipFill>
          <a:blip r:embed="rId4" cstate="print">
            <a:extLst>
              <a:ext uri="{28A0092B-C50C-407E-A947-70E740481C1C}">
                <a14:useLocalDpi xmlns:a14="http://schemas.microsoft.com/office/drawing/2010/main" val="0"/>
              </a:ext>
            </a:extLst>
          </a:blip>
          <a:srcRect/>
          <a:stretch/>
        </p:blipFill>
        <p:spPr>
          <a:xfrm>
            <a:off x="10789992" y="156748"/>
            <a:ext cx="1098250" cy="1098250"/>
          </a:xfrm>
          <a:prstGeom prst="rect">
            <a:avLst/>
          </a:prstGeom>
        </p:spPr>
      </p:pic>
    </p:spTree>
    <p:extLst>
      <p:ext uri="{BB962C8B-B14F-4D97-AF65-F5344CB8AC3E}">
        <p14:creationId xmlns:p14="http://schemas.microsoft.com/office/powerpoint/2010/main" val="861957290"/>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LEGGE 15 maggio 2025 , n. 76 - Disposizioni per la partecipazione dei lavoratori alla gestione, al capitale e agli utili delle imprese.</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23684" y="957009"/>
            <a:ext cx="9201554" cy="2862322"/>
          </a:xfrm>
          <a:prstGeom prst="rect">
            <a:avLst/>
          </a:prstGeom>
          <a:noFill/>
        </p:spPr>
        <p:txBody>
          <a:bodyPr wrap="square">
            <a:spAutoFit/>
          </a:bodyPr>
          <a:lstStyle/>
          <a:p>
            <a:pPr algn="just"/>
            <a:r>
              <a:rPr lang="it-IT" dirty="0"/>
              <a:t>184-bis. Ai fini dell'applicazione del comma 184, non concorrono a formare il reddito di lavoro dipendente, né sono soggetti all'imposta sostitutiva disciplinata dai commi da 182 a 191:</a:t>
            </a:r>
          </a:p>
          <a:p>
            <a:pPr algn="just"/>
            <a:r>
              <a:rPr lang="it-IT" dirty="0"/>
              <a:t>….</a:t>
            </a:r>
          </a:p>
          <a:p>
            <a:pPr algn="just"/>
            <a:r>
              <a:rPr lang="it-IT" i="1" dirty="0"/>
              <a:t>c) il valore delle azioni di cui all'articolo 51, comma 2, lettera g), del testo unico delle imposte sui redditi, di cui al decreto del Presidente della Repubblica 22 dicembre 1986, n. 917, ricevute, per scelta del lavoratore, in sostituzione, in tutto o in parte, delle somme di cui al comma 182 del presente articolo, anche se eccedente il limite indicato nel medesimo articolo 51, comma 2, lettera g), e indipendentemente dalle condizioni dallo stesso stabilite.</a:t>
            </a:r>
          </a:p>
        </p:txBody>
      </p:sp>
      <p:sp>
        <p:nvSpPr>
          <p:cNvPr id="4" name="TextBox 3">
            <a:extLst>
              <a:ext uri="{FF2B5EF4-FFF2-40B4-BE49-F238E27FC236}">
                <a16:creationId xmlns:a16="http://schemas.microsoft.com/office/drawing/2014/main" id="{BBFC9345-65F1-5CF9-15F7-76DBC1CB133F}"/>
              </a:ext>
            </a:extLst>
          </p:cNvPr>
          <p:cNvSpPr txBox="1"/>
          <p:nvPr/>
        </p:nvSpPr>
        <p:spPr>
          <a:xfrm>
            <a:off x="323684" y="4142191"/>
            <a:ext cx="9201554" cy="1200329"/>
          </a:xfrm>
          <a:prstGeom prst="rect">
            <a:avLst/>
          </a:prstGeom>
          <a:noFill/>
        </p:spPr>
        <p:txBody>
          <a:bodyPr wrap="square">
            <a:spAutoFit/>
          </a:bodyPr>
          <a:lstStyle/>
          <a:p>
            <a:pPr algn="just"/>
            <a:r>
              <a:rPr lang="it-IT" dirty="0"/>
              <a:t>La lett. c) del comma 184-bis della legge di Bilancio 2017, consente la sostituibilità, in esenzione d’imposta, del premio di risultato con azioni della società/datore di lavoro o delle società del gruppo </a:t>
            </a:r>
            <a:r>
              <a:rPr lang="it-IT" b="1" dirty="0"/>
              <a:t>anche nell’ipotesi in cui non siano rispettate le condizioni previste dalla lett. g) riportata</a:t>
            </a:r>
            <a:r>
              <a:rPr lang="it-IT" dirty="0"/>
              <a:t>. </a:t>
            </a:r>
          </a:p>
        </p:txBody>
      </p:sp>
    </p:spTree>
    <p:extLst>
      <p:ext uri="{BB962C8B-B14F-4D97-AF65-F5344CB8AC3E}">
        <p14:creationId xmlns:p14="http://schemas.microsoft.com/office/powerpoint/2010/main" val="3512355179"/>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P spid="4" grpId="0"/>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LEGGE 15 maggio 2025 , n. 76 - Disposizioni per la partecipazione dei lavoratori alla gestione, al capitale e agli utili delle imprese.</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473917" y="3978767"/>
            <a:ext cx="9201554" cy="923330"/>
          </a:xfrm>
          <a:prstGeom prst="rect">
            <a:avLst/>
          </a:prstGeom>
          <a:noFill/>
        </p:spPr>
        <p:txBody>
          <a:bodyPr wrap="square">
            <a:spAutoFit/>
          </a:bodyPr>
          <a:lstStyle/>
          <a:p>
            <a:pPr algn="just"/>
            <a:r>
              <a:rPr lang="it-IT" dirty="0"/>
              <a:t>Si veda anche il regime speciale per le start up innovative di cui all’art. 27 del DL 8 ottobre 2012, n. 179 (Remunerazione con strumenti finanziari della start-up innovativa e dell'incubatore certificato).</a:t>
            </a:r>
          </a:p>
        </p:txBody>
      </p:sp>
      <p:sp>
        <p:nvSpPr>
          <p:cNvPr id="2" name="TextBox 1">
            <a:extLst>
              <a:ext uri="{FF2B5EF4-FFF2-40B4-BE49-F238E27FC236}">
                <a16:creationId xmlns:a16="http://schemas.microsoft.com/office/drawing/2014/main" id="{EE2B4441-FD40-F155-E78F-2EB02ADB7F6A}"/>
              </a:ext>
            </a:extLst>
          </p:cNvPr>
          <p:cNvSpPr txBox="1"/>
          <p:nvPr/>
        </p:nvSpPr>
        <p:spPr>
          <a:xfrm>
            <a:off x="476084" y="1109409"/>
            <a:ext cx="9201554" cy="2585323"/>
          </a:xfrm>
          <a:prstGeom prst="rect">
            <a:avLst/>
          </a:prstGeom>
          <a:noFill/>
        </p:spPr>
        <p:txBody>
          <a:bodyPr wrap="square">
            <a:spAutoFit/>
          </a:bodyPr>
          <a:lstStyle/>
          <a:p>
            <a:pPr algn="just"/>
            <a:r>
              <a:rPr lang="it-IT"/>
              <a:t>L’articolo 51, comma 2, lettera g) del TUIR, che disciplina il cosiddetto “azionariato popolare”, prevede la non concorrenza al reddito di lavoro dipendente del “</a:t>
            </a:r>
            <a:r>
              <a:rPr lang="it-IT" i="1"/>
              <a:t>valore delle azioni offerte alla generalità dei dipendenti per un importo non superiore complessivamente nel periodo d’imposta a euro 2.065,83, a condizione che non siano riacquistate dalla società emittente o dal datore di lavoro o comunque cedute prima che siano trascorsi almeno tre anni dalla percezione; qualora le azioni siano cedute prima del predetto termine, l’importo che non ha concorso a formare il reddito al momento dell’acquisto è assoggettato a tassazione nel periodo d’imposta in cui avviene la cessione.”</a:t>
            </a:r>
            <a:endParaRPr lang="it-IT" dirty="0"/>
          </a:p>
        </p:txBody>
      </p:sp>
    </p:spTree>
    <p:extLst>
      <p:ext uri="{BB962C8B-B14F-4D97-AF65-F5344CB8AC3E}">
        <p14:creationId xmlns:p14="http://schemas.microsoft.com/office/powerpoint/2010/main" val="4162561328"/>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P spid="2" grpId="0"/>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LEGGE 15 maggio 2025 , n. 76 - Disposizioni per la partecipazione dei lavoratori alla gestione, al capitale e agli utili delle imprese.</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23684" y="1034011"/>
            <a:ext cx="9201554" cy="4247317"/>
          </a:xfrm>
          <a:prstGeom prst="rect">
            <a:avLst/>
          </a:prstGeom>
          <a:noFill/>
        </p:spPr>
        <p:txBody>
          <a:bodyPr wrap="square">
            <a:spAutoFit/>
          </a:bodyPr>
          <a:lstStyle/>
          <a:p>
            <a:pPr algn="just"/>
            <a:r>
              <a:rPr lang="it-IT" dirty="0"/>
              <a:t>La lett. c) del comma 184-bis della legge di Bilancio 2017 prevede quindi che non si genera reddito imponibile per il lavoratore che sostituisca, in tutto o in parte, il premio di risultato con azioni della società/datore di lavoro o del gruppo: </a:t>
            </a:r>
          </a:p>
          <a:p>
            <a:pPr marL="285750" indent="-285750" algn="just">
              <a:buFont typeface="Arial" panose="020B0604020202020204" pitchFamily="34" charset="0"/>
              <a:buChar char="•"/>
            </a:pPr>
            <a:r>
              <a:rPr lang="it-IT" dirty="0"/>
              <a:t>sia nel caso in cui l’offerta sia rivolta, anziché alla generalità, a categorie di lavoratori, purché in conformità alle previsioni contrattuali (aziendali e/o territoriali) (si veda sul punto la risposta all’istanza d’interpello n. </a:t>
            </a:r>
            <a:r>
              <a:rPr lang="en-US" dirty="0"/>
              <a:t>Risposta n. 147 del 4 giugno 2025)</a:t>
            </a:r>
            <a:r>
              <a:rPr lang="it-IT" dirty="0"/>
              <a:t>;</a:t>
            </a:r>
          </a:p>
          <a:p>
            <a:pPr marL="285750" indent="-285750" algn="just">
              <a:buFont typeface="Arial" panose="020B0604020202020204" pitchFamily="34" charset="0"/>
              <a:buChar char="•"/>
            </a:pPr>
            <a:r>
              <a:rPr lang="it-IT" dirty="0"/>
              <a:t>sia nel caso in cui il valore delle azioni “convertite” superi il limite di euro 2.065,83 previsto per ciascun periodo d’imposta potendo, pertanto, essere assegnate azioni per un importo complessivo pari a euro 5.065,83 (2.065,83 + 3.000 di premio convertito);</a:t>
            </a:r>
          </a:p>
          <a:p>
            <a:pPr marL="285750" indent="-285750" algn="just">
              <a:buFont typeface="Arial" panose="020B0604020202020204" pitchFamily="34" charset="0"/>
              <a:buChar char="•"/>
            </a:pPr>
            <a:r>
              <a:rPr lang="it-IT" dirty="0"/>
              <a:t>sia qualora le medesime azioni siano riacquistate dalla società emittente o dal datore di lavoro;</a:t>
            </a:r>
          </a:p>
          <a:p>
            <a:pPr marL="285750" indent="-285750" algn="just">
              <a:buFont typeface="Arial" panose="020B0604020202020204" pitchFamily="34" charset="0"/>
              <a:buChar char="•"/>
            </a:pPr>
            <a:r>
              <a:rPr lang="it-IT" dirty="0"/>
              <a:t>sia, infine, qualora siano cedute prima che siano trascorsi tre anni dalla conversione del premio di risultato assoggettabile ad imposta sostitutiva.</a:t>
            </a:r>
          </a:p>
        </p:txBody>
      </p:sp>
    </p:spTree>
    <p:extLst>
      <p:ext uri="{BB962C8B-B14F-4D97-AF65-F5344CB8AC3E}">
        <p14:creationId xmlns:p14="http://schemas.microsoft.com/office/powerpoint/2010/main" val="465603150"/>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LEGGE 15 maggio 2025 , n. 76 - Disposizioni per la partecipazione dei lavoratori alla gestione, al capitale e agli utili delle imprese.</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23684" y="957009"/>
            <a:ext cx="9201554" cy="4524315"/>
          </a:xfrm>
          <a:prstGeom prst="rect">
            <a:avLst/>
          </a:prstGeom>
          <a:noFill/>
        </p:spPr>
        <p:txBody>
          <a:bodyPr wrap="square">
            <a:spAutoFit/>
          </a:bodyPr>
          <a:lstStyle/>
          <a:p>
            <a:pPr algn="just"/>
            <a:r>
              <a:rPr lang="it-IT" dirty="0"/>
              <a:t>In relazione alla disciplina tributaria da applicarsi alle plusvalenze derivanti dalla vendita delle azioni assegnate in luogo, in tutto o in parte, del premio di risultato, ai sensi dell’art. 68, comma 6, del TUIR </a:t>
            </a:r>
            <a:r>
              <a:rPr lang="it-IT" i="1" dirty="0"/>
              <a:t>“Le plusvalenze indicate nelle lettere c), c-bis) e c-ter) del comma 1 dell’art. 67 sono costituite dalla differenza tra il corrispettivo percepito …. ed il costo o il valore di acquisto assoggettato a tassazione ….(sottolineatura aggiunta</a:t>
            </a:r>
            <a:r>
              <a:rPr lang="it-IT" dirty="0"/>
              <a:t>).</a:t>
            </a:r>
          </a:p>
          <a:p>
            <a:pPr algn="just"/>
            <a:endParaRPr lang="it-IT" dirty="0"/>
          </a:p>
          <a:p>
            <a:pPr algn="just"/>
            <a:r>
              <a:rPr lang="it-IT" dirty="0"/>
              <a:t>In deroga a tale disposizione , l’art. 1, comma 161, della legge di Bilancio 2018 modificando l’art. 1, comma 184-bis, lett. c), della legge di Stabilità 2016, ha previsto che </a:t>
            </a:r>
            <a:r>
              <a:rPr lang="it-IT" b="1" i="1" dirty="0"/>
              <a:t>“…il costo o il valore di acquisto è pari al valore delle azioni ricevute, per scelta del lavoratore, in sostituzione, in tutto o in parte, delle somme di cui al medesimo comma 182”.</a:t>
            </a:r>
            <a:r>
              <a:rPr lang="it-IT" i="1" dirty="0"/>
              <a:t> </a:t>
            </a:r>
          </a:p>
          <a:p>
            <a:pPr algn="just"/>
            <a:endParaRPr lang="it-IT" dirty="0"/>
          </a:p>
          <a:p>
            <a:pPr algn="just"/>
            <a:r>
              <a:rPr lang="it-IT" dirty="0"/>
              <a:t>In applicazione di tale ultima disposizione, quindi, dal 2018 la plusvalenza fiscalmente rilevante è determinata dalla differenza tra il prezzo della vendita delle azioni e l’importo del premio di risultato erogato in azioni.</a:t>
            </a:r>
          </a:p>
        </p:txBody>
      </p:sp>
    </p:spTree>
    <p:extLst>
      <p:ext uri="{BB962C8B-B14F-4D97-AF65-F5344CB8AC3E}">
        <p14:creationId xmlns:p14="http://schemas.microsoft.com/office/powerpoint/2010/main" val="1050562847"/>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53A8AD-38C0-4854-81B3-9B99B4E007ED}"/>
              </a:ext>
            </a:extLst>
          </p:cNvPr>
          <p:cNvSpPr>
            <a:spLocks noGrp="1"/>
          </p:cNvSpPr>
          <p:nvPr>
            <p:ph type="ctrTitle"/>
          </p:nvPr>
        </p:nvSpPr>
        <p:spPr>
          <a:xfrm>
            <a:off x="402942" y="5427098"/>
            <a:ext cx="11330254" cy="464044"/>
          </a:xfrm>
        </p:spPr>
        <p:txBody>
          <a:bodyPr/>
          <a:lstStyle/>
          <a:p>
            <a:pPr lvl="0" algn="just">
              <a:buSzPts val="1000"/>
              <a:tabLst>
                <a:tab pos="457200" algn="l"/>
              </a:tabLst>
            </a:pPr>
            <a:r>
              <a:rPr lang="it-IT" sz="1800" dirty="0">
                <a:solidFill>
                  <a:schemeClr val="bg1"/>
                </a:solidFill>
                <a:latin typeface="Poppins" panose="00000500000000000000" pitchFamily="2" charset="0"/>
              </a:rPr>
              <a:t>Circolare n. 6 del 2025: Novità in tema di detrazioni - Legge 30 dicembre 2024, n. 207 (legge di bilancio 2025)</a:t>
            </a:r>
          </a:p>
        </p:txBody>
      </p:sp>
      <p:sp>
        <p:nvSpPr>
          <p:cNvPr id="8" name="Rectangle 7">
            <a:hlinkClick r:id="rId6"/>
          </p:cNvPr>
          <p:cNvSpPr/>
          <p:nvPr/>
        </p:nvSpPr>
        <p:spPr bwMode="gray">
          <a:xfrm>
            <a:off x="402942" y="369356"/>
            <a:ext cx="2174003" cy="554280"/>
          </a:xfrm>
          <a:prstGeom prst="rect">
            <a:avLst/>
          </a:prstGeom>
          <a:solidFill>
            <a:schemeClr val="bg1">
              <a:alpha val="0"/>
            </a:schemeClr>
          </a:solidFill>
          <a:ln w="19050" algn="ctr">
            <a:noFill/>
            <a:miter lim="800000"/>
            <a:headEnd/>
            <a:tailEnd/>
          </a:ln>
        </p:spPr>
        <p:txBody>
          <a:bodyPr wrap="square" lIns="88900" tIns="88900" rIns="88900" bIns="88900" rtlCol="0" anchor="ctr"/>
          <a:lstStyle/>
          <a:p>
            <a:pPr marL="0" marR="0" lvl="0" indent="0" algn="ctr" defTabSz="4572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latin typeface="Calibri" panose="020F0502020204030204"/>
              <a:ea typeface="+mn-ea"/>
              <a:cs typeface="+mn-cs"/>
            </a:endParaRPr>
          </a:p>
        </p:txBody>
      </p:sp>
      <p:pic>
        <p:nvPicPr>
          <p:cNvPr id="7" name="Picture 6">
            <a:extLst>
              <a:ext uri="{FF2B5EF4-FFF2-40B4-BE49-F238E27FC236}">
                <a16:creationId xmlns:a16="http://schemas.microsoft.com/office/drawing/2014/main" id="{4E327673-1413-4DDD-9B6F-FD99E249528C}"/>
              </a:ext>
            </a:extLst>
          </p:cNvPr>
          <p:cNvPicPr>
            <a:picLocks noChangeAspect="1"/>
          </p:cNvPicPr>
          <p:nvPr/>
        </p:nvPicPr>
        <p:blipFill>
          <a:blip r:embed="rId7"/>
          <a:srcRect/>
          <a:stretch/>
        </p:blipFill>
        <p:spPr>
          <a:xfrm>
            <a:off x="10694852" y="5659120"/>
            <a:ext cx="1198880" cy="1198880"/>
          </a:xfrm>
          <a:prstGeom prst="rect">
            <a:avLst/>
          </a:prstGeom>
        </p:spPr>
      </p:pic>
      <p:pic>
        <p:nvPicPr>
          <p:cNvPr id="9" name="Picture 4">
            <a:extLst>
              <a:ext uri="{FF2B5EF4-FFF2-40B4-BE49-F238E27FC236}">
                <a16:creationId xmlns:a16="http://schemas.microsoft.com/office/drawing/2014/main" id="{4D9BF916-3C7B-4095-BACC-7408B7EC5F30}"/>
              </a:ext>
            </a:extLst>
          </p:cNvPr>
          <p:cNvPicPr>
            <a:picLocks noChangeAspect="1"/>
          </p:cNvPicPr>
          <p:nvPr>
            <p:custDataLst>
              <p:tags r:id="rId3"/>
            </p:custDataLst>
          </p:nvPr>
        </p:nvPicPr>
        <p:blipFill rotWithShape="1">
          <a:blip r:embed="rId8">
            <a:extLst>
              <a:ext uri="{28A0092B-C50C-407E-A947-70E740481C1C}">
                <a14:useLocalDpi xmlns:a14="http://schemas.microsoft.com/office/drawing/2010/main" val="0"/>
              </a:ext>
            </a:extLst>
          </a:blip>
          <a:srcRect/>
          <a:stretch/>
        </p:blipFill>
        <p:spPr>
          <a:xfrm>
            <a:off x="3518263" y="1013917"/>
            <a:ext cx="4371703" cy="4371703"/>
          </a:xfrm>
          <a:prstGeom prst="rect">
            <a:avLst/>
          </a:prstGeom>
        </p:spPr>
      </p:pic>
    </p:spTree>
    <p:custDataLst>
      <p:custData r:id="rId1"/>
      <p:custData r:id="rId2"/>
    </p:custDataLst>
    <p:extLst>
      <p:ext uri="{BB962C8B-B14F-4D97-AF65-F5344CB8AC3E}">
        <p14:creationId xmlns:p14="http://schemas.microsoft.com/office/powerpoint/2010/main" val="3144134644"/>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Riordino delle detrazioni: articolo 1 comma 10 della Legge del 30/12/2024 n. 207</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23684" y="957009"/>
            <a:ext cx="9201554" cy="2862322"/>
          </a:xfrm>
          <a:prstGeom prst="rect">
            <a:avLst/>
          </a:prstGeom>
          <a:noFill/>
        </p:spPr>
        <p:txBody>
          <a:bodyPr wrap="square">
            <a:spAutoFit/>
          </a:bodyPr>
          <a:lstStyle/>
          <a:p>
            <a:pPr algn="just"/>
            <a:r>
              <a:rPr lang="it-IT" dirty="0"/>
              <a:t>1. Fermi restando gli specifici limiti previsti da ciascuna norma agevolativa, per i soggetti con reddito complessivo superiore a 75.000 euro gli oneri e le spese per i quali il presente testo unico o altre disposizioni normative prevedono una detrazione dall'imposta lorda, considerati complessivamente, sono ammessi in detrazione fino all'ammontare calcolato moltiplicando l'importo base determinato ai sensi del comma 2 in corrispondenza del reddito complessivo del contribuente per il coefficiente indicato nel comma 3 in corrispondenza del numero di figli, compresi i figli nati fuori del matrimonio riconosciuti e i figli adottivi, affiliati o affidati, presenti nel nucleo familiare del contribuente, che si trovano nelle condizioni previste nell'</a:t>
            </a:r>
            <a:r>
              <a:rPr lang="it-IT" u="sng" dirty="0"/>
              <a:t>articolo 12, comma 2, del presente testo unico</a:t>
            </a:r>
            <a:r>
              <a:rPr lang="it-IT" dirty="0"/>
              <a:t>.</a:t>
            </a:r>
          </a:p>
        </p:txBody>
      </p:sp>
    </p:spTree>
    <p:extLst>
      <p:ext uri="{BB962C8B-B14F-4D97-AF65-F5344CB8AC3E}">
        <p14:creationId xmlns:p14="http://schemas.microsoft.com/office/powerpoint/2010/main" val="476458170"/>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Riordino delle detrazioni: articolo 1 comma 10 della Legge del 30/12/2024 n. 207</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23684" y="957009"/>
            <a:ext cx="9201554" cy="4247317"/>
          </a:xfrm>
          <a:prstGeom prst="rect">
            <a:avLst/>
          </a:prstGeom>
          <a:noFill/>
        </p:spPr>
        <p:txBody>
          <a:bodyPr wrap="square">
            <a:spAutoFit/>
          </a:bodyPr>
          <a:lstStyle/>
          <a:p>
            <a:pPr algn="just"/>
            <a:r>
              <a:rPr lang="it-IT" dirty="0"/>
              <a:t>2. L'importo base di cui al comma 1 è pari a:</a:t>
            </a:r>
          </a:p>
          <a:p>
            <a:pPr algn="just"/>
            <a:r>
              <a:rPr lang="it-IT" dirty="0"/>
              <a:t>a) 14.000 euro, se il reddito complessivo del contribuente è superiore a 75.000 euro e non superiore a 100.000 euro;</a:t>
            </a:r>
          </a:p>
          <a:p>
            <a:pPr algn="just"/>
            <a:r>
              <a:rPr lang="it-IT" dirty="0"/>
              <a:t>b) 8.000 euro, se il reddito complessivo del contribuente è superiore a 100.000 euro.</a:t>
            </a:r>
          </a:p>
          <a:p>
            <a:pPr algn="just"/>
            <a:r>
              <a:rPr lang="it-IT" dirty="0"/>
              <a:t>3. Il coefficiente da utilizzare ai sensi del comma è pari a:</a:t>
            </a:r>
          </a:p>
          <a:p>
            <a:pPr algn="just"/>
            <a:r>
              <a:rPr lang="it-IT" dirty="0"/>
              <a:t>a) 0,50, se nel nucleo familiare non sono presenti figli che si trovano nelle condizioni previste dall'articolo 12, comma 2;</a:t>
            </a:r>
          </a:p>
          <a:p>
            <a:pPr algn="just"/>
            <a:r>
              <a:rPr lang="it-IT" dirty="0"/>
              <a:t>b) 0,70, se nel nucleo familiare è presente un figlio che si trova nelle condizioni previste dall'articolo 12, comma 2;</a:t>
            </a:r>
          </a:p>
          <a:p>
            <a:pPr algn="just"/>
            <a:r>
              <a:rPr lang="it-IT" dirty="0"/>
              <a:t>c) 0,85, se nel nucleo familiare sono presenti due figli che si trovano nelle condizioni previste dall'articolo 12, comma 2;</a:t>
            </a:r>
          </a:p>
          <a:p>
            <a:pPr algn="just"/>
            <a:r>
              <a:rPr lang="it-IT" dirty="0"/>
              <a:t>d) 1, se nel nucleo familiare sono presenti più di due figli che si trovano nelle condizioni previste dall'articolo 12, comma 2, o almeno un figlio con disabilità accertata ai sensi dell'</a:t>
            </a:r>
            <a:r>
              <a:rPr lang="it-IT" u="sng" dirty="0"/>
              <a:t>articolo 3 della legge 5 febbraio 1992, n. 104</a:t>
            </a:r>
            <a:r>
              <a:rPr lang="it-IT" dirty="0"/>
              <a:t>, che si trovi nelle condizioni previste dall'articolo 12, comma 2.</a:t>
            </a:r>
          </a:p>
        </p:txBody>
      </p:sp>
    </p:spTree>
    <p:extLst>
      <p:ext uri="{BB962C8B-B14F-4D97-AF65-F5344CB8AC3E}">
        <p14:creationId xmlns:p14="http://schemas.microsoft.com/office/powerpoint/2010/main" val="2997973275"/>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LEGGE 15 maggio 2025 , n. 76 - Disposizioni per la partecipazione dei lavoratori alla gestione, al capitale e agli utili delle imprese.</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23684" y="957009"/>
            <a:ext cx="9201554" cy="2862322"/>
          </a:xfrm>
          <a:prstGeom prst="rect">
            <a:avLst/>
          </a:prstGeom>
          <a:noFill/>
        </p:spPr>
        <p:txBody>
          <a:bodyPr wrap="square">
            <a:spAutoFit/>
          </a:bodyPr>
          <a:lstStyle/>
          <a:p>
            <a:pPr algn="just"/>
            <a:r>
              <a:rPr lang="it-IT" dirty="0"/>
              <a:t>4. Sono esclusi dal computo dell'ammontare complessivo degli oneri e delle spese, effettuato ai fini dell'applicazione del limite di cui al comma 1, i seguenti oneri e le seguenti spese:</a:t>
            </a:r>
          </a:p>
          <a:p>
            <a:pPr algn="just"/>
            <a:r>
              <a:rPr lang="it-IT" dirty="0"/>
              <a:t>a) le spese sanitarie detraibili ai sensi dell'</a:t>
            </a:r>
            <a:r>
              <a:rPr lang="it-IT" u="sng" dirty="0"/>
              <a:t>articolo 15, comma 1, lettera c)</a:t>
            </a:r>
            <a:r>
              <a:rPr lang="it-IT" dirty="0"/>
              <a:t>;</a:t>
            </a:r>
          </a:p>
          <a:p>
            <a:pPr algn="just"/>
            <a:r>
              <a:rPr lang="it-IT" dirty="0"/>
              <a:t>b) le somme investite nelle start-up innovative, detraibili ai sensi degli </a:t>
            </a:r>
            <a:r>
              <a:rPr lang="it-IT" u="sng" dirty="0"/>
              <a:t>articoli 29</a:t>
            </a:r>
            <a:r>
              <a:rPr lang="it-IT" dirty="0"/>
              <a:t> e </a:t>
            </a:r>
            <a:r>
              <a:rPr lang="it-IT" u="sng" dirty="0"/>
              <a:t>29-bis del decreto-legge 18 ottobre 2012, n. 179</a:t>
            </a:r>
            <a:r>
              <a:rPr lang="it-IT" dirty="0"/>
              <a:t>, convertito, con modificazioni, dalla </a:t>
            </a:r>
            <a:r>
              <a:rPr lang="it-IT" u="sng" dirty="0"/>
              <a:t>legge 17 dicembre 2012, n. 221</a:t>
            </a:r>
            <a:r>
              <a:rPr lang="it-IT" dirty="0"/>
              <a:t>;</a:t>
            </a:r>
          </a:p>
          <a:p>
            <a:pPr algn="just"/>
            <a:r>
              <a:rPr lang="it-IT" dirty="0"/>
              <a:t>c) le somme investite nelle piccole e medie imprese innovative, detraibili ai sensi dell'articolo 4, commi 9, seconda parte, e 9-ter, del </a:t>
            </a:r>
            <a:r>
              <a:rPr lang="it-IT" u="sng" dirty="0"/>
              <a:t>decreto-legge 24 gennaio 2015, n.3</a:t>
            </a:r>
            <a:r>
              <a:rPr lang="it-IT" dirty="0"/>
              <a:t>, convertito, con modificazioni, dalla </a:t>
            </a:r>
            <a:r>
              <a:rPr lang="it-IT" u="sng" dirty="0"/>
              <a:t>legge 24 marzo 2015, n. 33</a:t>
            </a:r>
            <a:r>
              <a:rPr lang="it-IT" dirty="0"/>
              <a:t>.</a:t>
            </a:r>
          </a:p>
        </p:txBody>
      </p:sp>
    </p:spTree>
    <p:extLst>
      <p:ext uri="{BB962C8B-B14F-4D97-AF65-F5344CB8AC3E}">
        <p14:creationId xmlns:p14="http://schemas.microsoft.com/office/powerpoint/2010/main" val="4040158322"/>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LEGGE 15 maggio 2025 , n. 76 - Disposizioni per la partecipazione dei lavoratori alla gestione, al capitale e agli utili delle imprese.</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23684" y="957009"/>
            <a:ext cx="9201554" cy="3693319"/>
          </a:xfrm>
          <a:prstGeom prst="rect">
            <a:avLst/>
          </a:prstGeom>
          <a:noFill/>
        </p:spPr>
        <p:txBody>
          <a:bodyPr wrap="square">
            <a:spAutoFit/>
          </a:bodyPr>
          <a:lstStyle/>
          <a:p>
            <a:pPr algn="just"/>
            <a:r>
              <a:rPr lang="it-IT" dirty="0"/>
              <a:t>5. Ai fini del computo dell'ammontare complessivo degli oneri e delle spese di cui al comma 1 del presente articolo, per le spese detraibili ai sensi dell'</a:t>
            </a:r>
            <a:r>
              <a:rPr lang="it-IT" u="sng" dirty="0"/>
              <a:t>articolo 16-bis</a:t>
            </a:r>
            <a:r>
              <a:rPr lang="it-IT" dirty="0"/>
              <a:t> ovvero di altre disposizioni normative, la cui detrazione è ripartita in più annualità, rilevano le rate di spesa riferite a ciascun anno. Sono comunque esclusi dal predetto computo gli oneri detraibili ai sensi dell'articolo 15, commi 1, lettere a) e b), e 1-ter, sostenuti in dipendenza di prestiti o mutui contratti fino al 31 dicembre 2024, i premi di assicurazione detraibili ai sensi dell'articolo 15, comma 1, lettere f) e f-bis), sostenuti in dipendenza di contratti stipulati fino al 31 dicembre 2024 nonché le rate delle spese detraibili ai sensi dell'articolo 16-bis ovvero di altre disposizioni normative, sostenute fino al 31 dicembre 2024.</a:t>
            </a:r>
          </a:p>
          <a:p>
            <a:pPr algn="just"/>
            <a:r>
              <a:rPr lang="it-IT" dirty="0"/>
              <a:t>6. Ai fini del presente articolo il reddito complessivo è assunto al netto del reddito dell'unità immobiliare adibita ad abitazione principale e di quello delle relative pertinenze, di cui all'</a:t>
            </a:r>
            <a:r>
              <a:rPr lang="it-IT" u="sng" dirty="0"/>
              <a:t>articolo 10, comma 3-bis, del presente testo unico</a:t>
            </a:r>
            <a:r>
              <a:rPr lang="it-IT" dirty="0"/>
              <a:t>.</a:t>
            </a:r>
          </a:p>
        </p:txBody>
      </p:sp>
    </p:spTree>
    <p:extLst>
      <p:ext uri="{BB962C8B-B14F-4D97-AF65-F5344CB8AC3E}">
        <p14:creationId xmlns:p14="http://schemas.microsoft.com/office/powerpoint/2010/main" val="1490442223"/>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Circolare n. 6 del 2025 - Riordino delle detrazioni: articolo 1 comma 10 della Legge del 30/12/2024 n. 207</a:t>
            </a:r>
            <a:endParaRPr lang="en-US" sz="1800" dirty="0">
              <a:latin typeface="Calibri" panose="020F0502020204030204" pitchFamily="34" charset="0"/>
            </a:endParaRPr>
          </a:p>
        </p:txBody>
      </p:sp>
      <p:pic>
        <p:nvPicPr>
          <p:cNvPr id="4" name="Picture 3">
            <a:extLst>
              <a:ext uri="{FF2B5EF4-FFF2-40B4-BE49-F238E27FC236}">
                <a16:creationId xmlns:a16="http://schemas.microsoft.com/office/drawing/2014/main" id="{21F3C8B6-5E0D-693F-ABDC-D6C95714B855}"/>
              </a:ext>
            </a:extLst>
          </p:cNvPr>
          <p:cNvPicPr>
            <a:picLocks noChangeAspect="1"/>
          </p:cNvPicPr>
          <p:nvPr/>
        </p:nvPicPr>
        <p:blipFill>
          <a:blip r:embed="rId3"/>
          <a:stretch>
            <a:fillRect/>
          </a:stretch>
        </p:blipFill>
        <p:spPr>
          <a:xfrm>
            <a:off x="1612964" y="1335386"/>
            <a:ext cx="6722513" cy="4794430"/>
          </a:xfrm>
          <a:prstGeom prst="rect">
            <a:avLst/>
          </a:prstGeom>
        </p:spPr>
      </p:pic>
    </p:spTree>
    <p:extLst>
      <p:ext uri="{BB962C8B-B14F-4D97-AF65-F5344CB8AC3E}">
        <p14:creationId xmlns:p14="http://schemas.microsoft.com/office/powerpoint/2010/main" val="3848527585"/>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53A8AD-38C0-4854-81B3-9B99B4E007ED}"/>
              </a:ext>
            </a:extLst>
          </p:cNvPr>
          <p:cNvSpPr>
            <a:spLocks noGrp="1"/>
          </p:cNvSpPr>
          <p:nvPr>
            <p:ph type="ctrTitle"/>
          </p:nvPr>
        </p:nvSpPr>
        <p:spPr>
          <a:xfrm>
            <a:off x="402942" y="5427098"/>
            <a:ext cx="11330254" cy="464044"/>
          </a:xfrm>
        </p:spPr>
        <p:txBody>
          <a:bodyPr/>
          <a:lstStyle/>
          <a:p>
            <a:pPr lvl="0" algn="just">
              <a:buSzPts val="1000"/>
              <a:tabLst>
                <a:tab pos="457200" algn="l"/>
              </a:tabLst>
            </a:pPr>
            <a:r>
              <a:rPr lang="it-IT" sz="1800" dirty="0">
                <a:solidFill>
                  <a:schemeClr val="bg1"/>
                </a:solidFill>
                <a:latin typeface="Poppins" panose="00000500000000000000" pitchFamily="2" charset="0"/>
              </a:rPr>
              <a:t>LEGGE 15 maggio 2025 , n. 76 - Disposizioni per la partecipazione dei lavoratori alla gestione, al capitale e agli utili delle imprese</a:t>
            </a:r>
          </a:p>
        </p:txBody>
      </p:sp>
      <p:sp>
        <p:nvSpPr>
          <p:cNvPr id="8" name="Rectangle 7">
            <a:hlinkClick r:id="rId6"/>
          </p:cNvPr>
          <p:cNvSpPr/>
          <p:nvPr/>
        </p:nvSpPr>
        <p:spPr bwMode="gray">
          <a:xfrm>
            <a:off x="402942" y="369356"/>
            <a:ext cx="2174003" cy="554280"/>
          </a:xfrm>
          <a:prstGeom prst="rect">
            <a:avLst/>
          </a:prstGeom>
          <a:solidFill>
            <a:schemeClr val="bg1">
              <a:alpha val="0"/>
            </a:schemeClr>
          </a:solidFill>
          <a:ln w="19050" algn="ctr">
            <a:noFill/>
            <a:miter lim="800000"/>
            <a:headEnd/>
            <a:tailEnd/>
          </a:ln>
        </p:spPr>
        <p:txBody>
          <a:bodyPr wrap="square" lIns="88900" tIns="88900" rIns="88900" bIns="88900" rtlCol="0" anchor="ctr"/>
          <a:lstStyle/>
          <a:p>
            <a:pPr marL="0" marR="0" lvl="0" indent="0" algn="ctr" defTabSz="4572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latin typeface="Calibri" panose="020F0502020204030204"/>
              <a:ea typeface="+mn-ea"/>
              <a:cs typeface="+mn-cs"/>
            </a:endParaRPr>
          </a:p>
        </p:txBody>
      </p:sp>
      <p:pic>
        <p:nvPicPr>
          <p:cNvPr id="7" name="Picture 6">
            <a:extLst>
              <a:ext uri="{FF2B5EF4-FFF2-40B4-BE49-F238E27FC236}">
                <a16:creationId xmlns:a16="http://schemas.microsoft.com/office/drawing/2014/main" id="{4E327673-1413-4DDD-9B6F-FD99E249528C}"/>
              </a:ext>
            </a:extLst>
          </p:cNvPr>
          <p:cNvPicPr>
            <a:picLocks noChangeAspect="1"/>
          </p:cNvPicPr>
          <p:nvPr/>
        </p:nvPicPr>
        <p:blipFill>
          <a:blip r:embed="rId7"/>
          <a:srcRect/>
          <a:stretch/>
        </p:blipFill>
        <p:spPr>
          <a:xfrm>
            <a:off x="10694852" y="5659120"/>
            <a:ext cx="1198880" cy="1198880"/>
          </a:xfrm>
          <a:prstGeom prst="rect">
            <a:avLst/>
          </a:prstGeom>
        </p:spPr>
      </p:pic>
      <p:pic>
        <p:nvPicPr>
          <p:cNvPr id="9" name="Picture 4">
            <a:extLst>
              <a:ext uri="{FF2B5EF4-FFF2-40B4-BE49-F238E27FC236}">
                <a16:creationId xmlns:a16="http://schemas.microsoft.com/office/drawing/2014/main" id="{4D9BF916-3C7B-4095-BACC-7408B7EC5F30}"/>
              </a:ext>
            </a:extLst>
          </p:cNvPr>
          <p:cNvPicPr>
            <a:picLocks noChangeAspect="1"/>
          </p:cNvPicPr>
          <p:nvPr>
            <p:custDataLst>
              <p:tags r:id="rId3"/>
            </p:custDataLst>
          </p:nvPr>
        </p:nvPicPr>
        <p:blipFill rotWithShape="1">
          <a:blip r:embed="rId8">
            <a:extLst>
              <a:ext uri="{28A0092B-C50C-407E-A947-70E740481C1C}">
                <a14:useLocalDpi xmlns:a14="http://schemas.microsoft.com/office/drawing/2010/main" val="0"/>
              </a:ext>
            </a:extLst>
          </a:blip>
          <a:srcRect/>
          <a:stretch/>
        </p:blipFill>
        <p:spPr>
          <a:xfrm>
            <a:off x="3518263" y="1013917"/>
            <a:ext cx="4371703" cy="4371703"/>
          </a:xfrm>
          <a:prstGeom prst="rect">
            <a:avLst/>
          </a:prstGeom>
        </p:spPr>
      </p:pic>
    </p:spTree>
    <p:custDataLst>
      <p:custData r:id="rId1"/>
      <p:custData r:id="rId2"/>
    </p:custDataLst>
    <p:extLst>
      <p:ext uri="{BB962C8B-B14F-4D97-AF65-F5344CB8AC3E}">
        <p14:creationId xmlns:p14="http://schemas.microsoft.com/office/powerpoint/2010/main" val="2241761266"/>
      </p:ext>
    </p:extLst>
  </p:cSld>
  <p:clrMapOvr>
    <a:masterClrMapping/>
  </p:clrMapOvr>
  <p:transition>
    <p:fade/>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Circolare n. 6 del 2025 - Riordino delle detrazioni: articolo 1 comma 10 della Legge del 30/12/2024 n. 207</a:t>
            </a:r>
            <a:endParaRPr lang="en-US" sz="1800" dirty="0">
              <a:latin typeface="Calibri" panose="020F0502020204030204" pitchFamily="34" charset="0"/>
            </a:endParaRPr>
          </a:p>
        </p:txBody>
      </p:sp>
      <p:sp>
        <p:nvSpPr>
          <p:cNvPr id="2" name="TextBox 1">
            <a:extLst>
              <a:ext uri="{FF2B5EF4-FFF2-40B4-BE49-F238E27FC236}">
                <a16:creationId xmlns:a16="http://schemas.microsoft.com/office/drawing/2014/main" id="{9200565B-CD37-4409-0012-624F83C48DE0}"/>
              </a:ext>
            </a:extLst>
          </p:cNvPr>
          <p:cNvSpPr txBox="1"/>
          <p:nvPr/>
        </p:nvSpPr>
        <p:spPr>
          <a:xfrm>
            <a:off x="473917" y="3147770"/>
            <a:ext cx="9201554" cy="1200329"/>
          </a:xfrm>
          <a:prstGeom prst="rect">
            <a:avLst/>
          </a:prstGeom>
          <a:noFill/>
        </p:spPr>
        <p:txBody>
          <a:bodyPr wrap="square">
            <a:spAutoFit/>
          </a:bodyPr>
          <a:lstStyle/>
          <a:p>
            <a:pPr algn="just"/>
            <a:r>
              <a:rPr lang="it-IT" dirty="0"/>
              <a:t>Circolare n. 6 del 2025 </a:t>
            </a:r>
            <a:r>
              <a:rPr lang="it-IT" i="1" dirty="0"/>
              <a:t>«Si precisa, inoltre, che sono escluse dall’ammontare massimo degli oneri e delle spese ammessi in detrazione anche le spese che danno diritto a detrazioni forfetarie, poiché in questi casi la quantificazione effettiva delle spese sostenute non è rilevante ai fini della fruizione della detrazione»</a:t>
            </a:r>
            <a:r>
              <a:rPr lang="it-IT" dirty="0"/>
              <a:t>. </a:t>
            </a:r>
            <a:endParaRPr lang="it-IT" i="1" dirty="0"/>
          </a:p>
        </p:txBody>
      </p:sp>
      <p:sp>
        <p:nvSpPr>
          <p:cNvPr id="4" name="TextBox 3">
            <a:extLst>
              <a:ext uri="{FF2B5EF4-FFF2-40B4-BE49-F238E27FC236}">
                <a16:creationId xmlns:a16="http://schemas.microsoft.com/office/drawing/2014/main" id="{6A1322F1-CD29-F0F5-53B3-14AE7637BEC9}"/>
              </a:ext>
            </a:extLst>
          </p:cNvPr>
          <p:cNvSpPr txBox="1"/>
          <p:nvPr/>
        </p:nvSpPr>
        <p:spPr>
          <a:xfrm>
            <a:off x="476084" y="1109409"/>
            <a:ext cx="9201554" cy="1754326"/>
          </a:xfrm>
          <a:prstGeom prst="rect">
            <a:avLst/>
          </a:prstGeom>
          <a:noFill/>
        </p:spPr>
        <p:txBody>
          <a:bodyPr wrap="square">
            <a:spAutoFit/>
          </a:bodyPr>
          <a:lstStyle/>
          <a:p>
            <a:pPr algn="just"/>
            <a:r>
              <a:rPr lang="it-IT" dirty="0"/>
              <a:t>Circolare n. 6 del 2025 </a:t>
            </a:r>
            <a:r>
              <a:rPr lang="it-IT" i="1" dirty="0"/>
              <a:t>«Si precisa che, nel caso in cui gli oneri e le spese sostenute dal contribuente nel periodo di riferimento siano superiori all’ammontare massimo così determinato, in assenza di specifiche disposizioni, il contribuente individua, in sede di dichiarazione dei redditi o tramite indicazione al sostituto d’imposta, gli oneri e le spese da imputare nel conteggio ai fini del calcolo della detrazione sulla base delle singole disposizioni agevolative» </a:t>
            </a:r>
          </a:p>
        </p:txBody>
      </p:sp>
    </p:spTree>
    <p:extLst>
      <p:ext uri="{BB962C8B-B14F-4D97-AF65-F5344CB8AC3E}">
        <p14:creationId xmlns:p14="http://schemas.microsoft.com/office/powerpoint/2010/main" val="2557021631"/>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4" grpId="0"/>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Circolare n. 6 del 2025 - Riordino delle detrazioni: articolo 1 comma 10 della Legge del 30/12/2024 n. 207</a:t>
            </a:r>
            <a:endParaRPr lang="en-US" sz="1800" dirty="0">
              <a:latin typeface="Calibri" panose="020F0502020204030204" pitchFamily="34" charset="0"/>
            </a:endParaRPr>
          </a:p>
        </p:txBody>
      </p:sp>
      <p:sp>
        <p:nvSpPr>
          <p:cNvPr id="2" name="TextBox 1">
            <a:extLst>
              <a:ext uri="{FF2B5EF4-FFF2-40B4-BE49-F238E27FC236}">
                <a16:creationId xmlns:a16="http://schemas.microsoft.com/office/drawing/2014/main" id="{9200565B-CD37-4409-0012-624F83C48DE0}"/>
              </a:ext>
            </a:extLst>
          </p:cNvPr>
          <p:cNvSpPr txBox="1"/>
          <p:nvPr/>
        </p:nvSpPr>
        <p:spPr>
          <a:xfrm>
            <a:off x="476084" y="3701768"/>
            <a:ext cx="9201554" cy="1200329"/>
          </a:xfrm>
          <a:prstGeom prst="rect">
            <a:avLst/>
          </a:prstGeom>
          <a:noFill/>
        </p:spPr>
        <p:txBody>
          <a:bodyPr wrap="square">
            <a:spAutoFit/>
          </a:bodyPr>
          <a:lstStyle/>
          <a:p>
            <a:pPr algn="just"/>
            <a:r>
              <a:rPr lang="it-IT" dirty="0"/>
              <a:t>Circolare n. 6 del 2025 </a:t>
            </a:r>
            <a:r>
              <a:rPr lang="it-IT" i="1" dirty="0"/>
              <a:t>«Si precisa, inoltre, che sono escluse dall’ammontare massimo degli oneri e delle spese ammessi in detrazione anche le spese che danno diritto a detrazioni forfetarie, poiché in questi casi la quantificazione effettiva delle spese sostenute non è rilevante ai fini della fruizione della detrazione»</a:t>
            </a:r>
            <a:r>
              <a:rPr lang="it-IT" dirty="0"/>
              <a:t>. </a:t>
            </a:r>
            <a:endParaRPr lang="it-IT" i="1" dirty="0"/>
          </a:p>
        </p:txBody>
      </p:sp>
      <p:sp>
        <p:nvSpPr>
          <p:cNvPr id="4" name="TextBox 3">
            <a:extLst>
              <a:ext uri="{FF2B5EF4-FFF2-40B4-BE49-F238E27FC236}">
                <a16:creationId xmlns:a16="http://schemas.microsoft.com/office/drawing/2014/main" id="{6A1322F1-CD29-F0F5-53B3-14AE7637BEC9}"/>
              </a:ext>
            </a:extLst>
          </p:cNvPr>
          <p:cNvSpPr txBox="1"/>
          <p:nvPr/>
        </p:nvSpPr>
        <p:spPr>
          <a:xfrm>
            <a:off x="476084" y="1109409"/>
            <a:ext cx="9201554" cy="2308324"/>
          </a:xfrm>
          <a:prstGeom prst="rect">
            <a:avLst/>
          </a:prstGeom>
          <a:noFill/>
        </p:spPr>
        <p:txBody>
          <a:bodyPr wrap="square">
            <a:spAutoFit/>
          </a:bodyPr>
          <a:lstStyle/>
          <a:p>
            <a:pPr algn="just"/>
            <a:r>
              <a:rPr lang="it-IT" dirty="0"/>
              <a:t>Circolare n. 6 del 2025 </a:t>
            </a:r>
            <a:r>
              <a:rPr lang="it-IT" i="1" dirty="0"/>
              <a:t>«Al riguardo si osserva che, come evidenziato da ultimo con la circolare n. 4/E del 2025, ai sensi dell’articolo 8 del TUIR, «il reddito complessivo si determina sommando i redditi di ogni categoria che concorrono a formarlo (…)». Nel medesimo documento di prassi è stato chiarito che, nel calcolo del reddito complessivo da utilizzare per la determinazione delle agevolazioni fiscali (c.d. reddito di riferimento), si tiene conto anche dei redditi assoggettati a cedolare secca, dei redditi assoggettati a imposta sostitutiva in applicazione del regime forfetario per gli esercenti attività d’impresa, arti o professioni…»</a:t>
            </a:r>
          </a:p>
        </p:txBody>
      </p:sp>
    </p:spTree>
    <p:extLst>
      <p:ext uri="{BB962C8B-B14F-4D97-AF65-F5344CB8AC3E}">
        <p14:creationId xmlns:p14="http://schemas.microsoft.com/office/powerpoint/2010/main" val="3154659315"/>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4" grpId="0"/>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Circolare n. 6 del 2025 - Riordino delle detrazioni: articolo 1 comma 10 della Legge del 30/12/2024 n. 207</a:t>
            </a:r>
            <a:endParaRPr lang="en-US" sz="1800" dirty="0">
              <a:latin typeface="Calibri" panose="020F0502020204030204" pitchFamily="34" charset="0"/>
            </a:endParaRPr>
          </a:p>
        </p:txBody>
      </p:sp>
      <p:sp>
        <p:nvSpPr>
          <p:cNvPr id="4" name="TextBox 3">
            <a:extLst>
              <a:ext uri="{FF2B5EF4-FFF2-40B4-BE49-F238E27FC236}">
                <a16:creationId xmlns:a16="http://schemas.microsoft.com/office/drawing/2014/main" id="{6A1322F1-CD29-F0F5-53B3-14AE7637BEC9}"/>
              </a:ext>
            </a:extLst>
          </p:cNvPr>
          <p:cNvSpPr txBox="1"/>
          <p:nvPr/>
        </p:nvSpPr>
        <p:spPr>
          <a:xfrm>
            <a:off x="406540" y="1046810"/>
            <a:ext cx="9201554" cy="3693319"/>
          </a:xfrm>
          <a:prstGeom prst="rect">
            <a:avLst/>
          </a:prstGeom>
          <a:noFill/>
        </p:spPr>
        <p:txBody>
          <a:bodyPr wrap="square">
            <a:spAutoFit/>
          </a:bodyPr>
          <a:lstStyle/>
          <a:p>
            <a:pPr algn="just"/>
            <a:r>
              <a:rPr lang="it-IT" dirty="0"/>
              <a:t>Circolare n. 6 del 2025 </a:t>
            </a:r>
            <a:r>
              <a:rPr lang="it-IT" i="1" dirty="0"/>
              <a:t>«Si precisa, in ogni caso, che rimane ferma l’applicazione dei commi 3-bis, 3-ter e 3-quater dell’articolo 15 del TUIR.</a:t>
            </a:r>
          </a:p>
          <a:p>
            <a:pPr algn="just"/>
            <a:r>
              <a:rPr lang="it-IT" i="1" dirty="0"/>
              <a:t>Ne consegue che il contribuente con un reddito complessivo superiore a 75.000 euro, ma non superiore a 120.000 euro, determina l’ammontare massimo degli oneri e delle spese ammessi in detrazione ai sensi dell’articolo 16-ter e beneficia delle detrazioni di cui all’articolo 15 del TUIR per l’intero importo. </a:t>
            </a:r>
          </a:p>
          <a:p>
            <a:pPr algn="just"/>
            <a:r>
              <a:rPr lang="it-IT" i="1" dirty="0"/>
              <a:t>Qualora, invece, il reddito complessivo percepito nell’anno di riferimento sia superiore a 120.000 euro, il contribuente, dopo aver determinato l’ammontare massimo degli oneri e delle spese ammessi in detrazione ai sensi dell’articolo 16-ter, beneficia delle detrazioni di cui all’articolo 15 del TUIR (ad eccezione di quelle indicate al comma 3-quater del medesimo articolo) per la parte corrispondente al rapporto tra l’importo di 240.000 euro, diminuito del reddito complessivo, e 120.000 euro». </a:t>
            </a:r>
          </a:p>
        </p:txBody>
      </p:sp>
    </p:spTree>
    <p:extLst>
      <p:ext uri="{BB962C8B-B14F-4D97-AF65-F5344CB8AC3E}">
        <p14:creationId xmlns:p14="http://schemas.microsoft.com/office/powerpoint/2010/main" val="2637448155"/>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Circolare n. 6 del 2025 - Riordino delle detrazioni: articolo 1 comma 10 della Legge del 30/12/2024 n. 207</a:t>
            </a:r>
            <a:endParaRPr lang="en-US" sz="1800" dirty="0">
              <a:latin typeface="Calibri" panose="020F0502020204030204" pitchFamily="34" charset="0"/>
            </a:endParaRPr>
          </a:p>
        </p:txBody>
      </p:sp>
      <p:sp>
        <p:nvSpPr>
          <p:cNvPr id="6" name="TextBox 5">
            <a:extLst>
              <a:ext uri="{FF2B5EF4-FFF2-40B4-BE49-F238E27FC236}">
                <a16:creationId xmlns:a16="http://schemas.microsoft.com/office/drawing/2014/main" id="{B8366263-9779-4E48-ABE8-E1EB7A8AC297}"/>
              </a:ext>
            </a:extLst>
          </p:cNvPr>
          <p:cNvSpPr txBox="1"/>
          <p:nvPr/>
        </p:nvSpPr>
        <p:spPr>
          <a:xfrm>
            <a:off x="406540" y="842281"/>
            <a:ext cx="9201554" cy="5755422"/>
          </a:xfrm>
          <a:prstGeom prst="rect">
            <a:avLst/>
          </a:prstGeom>
          <a:noFill/>
        </p:spPr>
        <p:txBody>
          <a:bodyPr wrap="square">
            <a:spAutoFit/>
          </a:bodyPr>
          <a:lstStyle/>
          <a:p>
            <a:r>
              <a:rPr lang="en-US" b="1" dirty="0"/>
              <a:t>Esempio n. 1 </a:t>
            </a:r>
            <a:endParaRPr lang="en-US" dirty="0"/>
          </a:p>
          <a:p>
            <a:pPr algn="just"/>
            <a:r>
              <a:rPr lang="it-IT" sz="1400" dirty="0"/>
              <a:t>Si consideri il caso di un contribuente, che ha fiscalmente a carico il coniuge e due figli, con un reddito complessivo nell’anno 2025 pari a 80.000 euro, e che ha sostenuto oneri e spese detraibili pari a 15.000 euro, così suddivisi: </a:t>
            </a:r>
          </a:p>
          <a:p>
            <a:pPr marL="285750" indent="-285750" algn="just">
              <a:buFont typeface="Arial" panose="020B0604020202020204" pitchFamily="34" charset="0"/>
              <a:buChar char="•"/>
            </a:pPr>
            <a:r>
              <a:rPr lang="it-IT" sz="1400" dirty="0"/>
              <a:t>spese per la ristrutturazione edilizia dell’abitazione principale pari a 90.000 euro, sostenute nel 2025 (rata di spesa detraibile annuale 9.000 euro; detrazione50%);</a:t>
            </a:r>
          </a:p>
          <a:p>
            <a:pPr marL="285750" indent="-285750" algn="just">
              <a:buFont typeface="Arial" panose="020B0604020202020204" pitchFamily="34" charset="0"/>
              <a:buChar char="•"/>
            </a:pPr>
            <a:r>
              <a:rPr lang="it-IT" sz="1400" dirty="0"/>
              <a:t>spese di istruzione diverse da quelle universitarie per i figli pari a 2.000 euro(detrazione 19%);</a:t>
            </a:r>
          </a:p>
          <a:p>
            <a:pPr marL="285750" indent="-285750" algn="just">
              <a:buFont typeface="Arial" panose="020B0604020202020204" pitchFamily="34" charset="0"/>
              <a:buChar char="•"/>
            </a:pPr>
            <a:r>
              <a:rPr lang="it-IT" sz="1400" dirty="0"/>
              <a:t>erogazione liberale in denaro in favore dei partiti politici pari a 4.000 euro(detrazione 26%).</a:t>
            </a:r>
          </a:p>
          <a:p>
            <a:pPr algn="just"/>
            <a:endParaRPr lang="en-US" sz="1400" dirty="0"/>
          </a:p>
          <a:p>
            <a:pPr algn="just"/>
            <a:r>
              <a:rPr lang="it-IT" sz="1400" dirty="0"/>
              <a:t>In tal caso, l’ammontare massimo degli oneri e delle spese detraibili, determinato ai sensi dell’articolo 16-</a:t>
            </a:r>
            <a:r>
              <a:rPr lang="it-IT" sz="1400" i="1" dirty="0"/>
              <a:t>ter </a:t>
            </a:r>
            <a:r>
              <a:rPr lang="it-IT" sz="1400" dirty="0"/>
              <a:t>del TUIR, risulta pari a 11.900 euro (importo base di 14.000 euro moltiplicato per il coefficiente di 0,85 previsto per due figli a carico). </a:t>
            </a:r>
          </a:p>
          <a:p>
            <a:pPr algn="just"/>
            <a:r>
              <a:rPr lang="it-IT" sz="1400" dirty="0"/>
              <a:t>Il contribuente, includendo nell’ammontare massimo prioritariamente gli oneri e le spese che danno diritto a una maggiore detrazione dall’imposta, può: </a:t>
            </a:r>
          </a:p>
          <a:p>
            <a:pPr marL="342900" indent="-342900" algn="just">
              <a:buFont typeface="+mj-lt"/>
              <a:buAutoNum type="arabicPeriod"/>
            </a:pPr>
            <a:r>
              <a:rPr lang="it-IT" sz="1400" dirty="0"/>
              <a:t>imputare la rata di spesa per gli interventi ristrutturazione edilizia dell’abitazione principale e detrarre 4.500 euro (rata di spesa per il 2025 pari a9.000 euro, detrazione 50%);</a:t>
            </a:r>
          </a:p>
          <a:p>
            <a:pPr marL="342900" indent="-342900" algn="just">
              <a:buFont typeface="+mj-lt"/>
              <a:buAutoNum type="arabicPeriod"/>
            </a:pPr>
            <a:r>
              <a:rPr lang="it-IT" sz="1400" dirty="0"/>
              <a:t>nel residuo ammontare consentito (11.900 euro - 9.000 euro = 2.900 euro),imputare una parte della spesa sostenuta per l’erogazione liberale, beneficiando di una detrazione di 754 euro (2.900 euro, detrazione 26%).</a:t>
            </a:r>
          </a:p>
          <a:p>
            <a:pPr algn="just"/>
            <a:r>
              <a:rPr lang="it-IT" sz="1400" dirty="0"/>
              <a:t>Raggiunto il massimale degli oneri e delle spese determinato ai sensi dell’articolo 16-</a:t>
            </a:r>
            <a:r>
              <a:rPr lang="it-IT" sz="1400" i="1" dirty="0"/>
              <a:t>ter</a:t>
            </a:r>
            <a:r>
              <a:rPr lang="it-IT" sz="1400" dirty="0"/>
              <a:t>, non sarà possibile portare in detrazione le altre spese sostenute.</a:t>
            </a:r>
          </a:p>
          <a:p>
            <a:pPr algn="just"/>
            <a:r>
              <a:rPr lang="it-IT" sz="1400" dirty="0"/>
              <a:t>Il totale della detrazione spettante è, pertanto, in questo caso, pari a 5.254 euro. </a:t>
            </a:r>
          </a:p>
          <a:p>
            <a:pPr algn="just"/>
            <a:r>
              <a:rPr lang="it-IT" sz="1400" dirty="0"/>
              <a:t>Rimane ferma la possibilità per il contribuente di calcolare le detrazioni fruibili sulla base delle altre spese, che danno diritto a una minore detrazione, purché le spese medesime non eccedano l’ammontare massimo di 11.900 euro. </a:t>
            </a:r>
            <a:endParaRPr lang="it-IT" sz="1400" i="1" dirty="0"/>
          </a:p>
        </p:txBody>
      </p:sp>
    </p:spTree>
    <p:extLst>
      <p:ext uri="{BB962C8B-B14F-4D97-AF65-F5344CB8AC3E}">
        <p14:creationId xmlns:p14="http://schemas.microsoft.com/office/powerpoint/2010/main" val="555748716"/>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Circolare n. 6 del 2025 - Riordino delle detrazioni: articolo 1 comma 10 della Legge del 30/12/2024 n. 207</a:t>
            </a:r>
            <a:endParaRPr lang="en-US" sz="1800" dirty="0">
              <a:latin typeface="Calibri" panose="020F0502020204030204" pitchFamily="34" charset="0"/>
            </a:endParaRPr>
          </a:p>
        </p:txBody>
      </p:sp>
      <p:sp>
        <p:nvSpPr>
          <p:cNvPr id="6" name="TextBox 5">
            <a:extLst>
              <a:ext uri="{FF2B5EF4-FFF2-40B4-BE49-F238E27FC236}">
                <a16:creationId xmlns:a16="http://schemas.microsoft.com/office/drawing/2014/main" id="{B8366263-9779-4E48-ABE8-E1EB7A8AC297}"/>
              </a:ext>
            </a:extLst>
          </p:cNvPr>
          <p:cNvSpPr txBox="1"/>
          <p:nvPr/>
        </p:nvSpPr>
        <p:spPr>
          <a:xfrm>
            <a:off x="406540" y="842281"/>
            <a:ext cx="9201554" cy="5109091"/>
          </a:xfrm>
          <a:prstGeom prst="rect">
            <a:avLst/>
          </a:prstGeom>
          <a:noFill/>
        </p:spPr>
        <p:txBody>
          <a:bodyPr wrap="square">
            <a:spAutoFit/>
          </a:bodyPr>
          <a:lstStyle/>
          <a:p>
            <a:r>
              <a:rPr lang="en-US" b="1" dirty="0"/>
              <a:t>Esempio n. 2</a:t>
            </a:r>
            <a:endParaRPr lang="it-IT" sz="1400" dirty="0"/>
          </a:p>
          <a:p>
            <a:pPr algn="just"/>
            <a:r>
              <a:rPr lang="it-IT" sz="1400" dirty="0"/>
              <a:t>Si consideri il caso di un contribuente, che ha fiscalmente a carico il coniuge e due figli, con un reddito complessivo nell’anno 2025 pari a 80.000 euro, e che ha sostenuto oneri e spese detraibili pari a 15.000 euro, così suddivisi:</a:t>
            </a:r>
          </a:p>
          <a:p>
            <a:pPr marL="285750" indent="-285750" algn="just">
              <a:buFont typeface="Arial" panose="020B0604020202020204" pitchFamily="34" charset="0"/>
              <a:buChar char="•"/>
            </a:pPr>
            <a:r>
              <a:rPr lang="it-IT" sz="1400" dirty="0"/>
              <a:t>spese per la ristrutturazione edilizia dell’abitazione principale pari a 90.000 euro, sostenute prima dell’1.1.2025 (rata di spesa annuale detraibile per l’anno 2025 pari a 9.000 euro, detrazione 50%);</a:t>
            </a:r>
          </a:p>
          <a:p>
            <a:pPr marL="285750" indent="-285750" algn="just">
              <a:buFont typeface="Arial" panose="020B0604020202020204" pitchFamily="34" charset="0"/>
              <a:buChar char="•"/>
            </a:pPr>
            <a:r>
              <a:rPr lang="it-IT" sz="1400" dirty="0"/>
              <a:t>spese di istruzione diverse da quelle universitarie per i figli pari a 2.000 euro (detrazione 19%);</a:t>
            </a:r>
          </a:p>
          <a:p>
            <a:pPr marL="285750" indent="-285750" algn="just">
              <a:buFont typeface="Arial" panose="020B0604020202020204" pitchFamily="34" charset="0"/>
              <a:buChar char="•"/>
            </a:pPr>
            <a:r>
              <a:rPr lang="it-IT" sz="1400" dirty="0"/>
              <a:t>erogazione liberale in denaro in favore dei partiti politici pari a 4.000 euro (detrazione 26%).</a:t>
            </a:r>
          </a:p>
          <a:p>
            <a:pPr algn="just"/>
            <a:r>
              <a:rPr lang="it-IT" sz="1400" dirty="0"/>
              <a:t>In tal caso, l’ammontare massimo degli oneri e delle spese detraibili, determinato ai sensi dell’articolo 16-ter del TUIR, risulta pari a 11.900 euro (importo base di 14.000 euro moltiplicato per il coefficiente di 0,85 previsto per due figli a carico).</a:t>
            </a:r>
          </a:p>
          <a:p>
            <a:pPr algn="just"/>
            <a:r>
              <a:rPr lang="it-IT" sz="1400" dirty="0"/>
              <a:t>Tenuto conto che, ai sensi dell’articolo 16-ter, comma 5, secondo periodo, del TUIR, sono escluse dal computo dell’ammontare complessivo degli oneri e delle spese detraibili le rate delle spese detraibili ai sensi dell’articolo 16-bis sostenute fino al 31.12.2024, il contribuente può:</a:t>
            </a:r>
          </a:p>
          <a:p>
            <a:pPr marL="342900" indent="-342900" algn="just">
              <a:buFont typeface="+mj-lt"/>
              <a:buAutoNum type="arabicPeriod"/>
            </a:pPr>
            <a:r>
              <a:rPr lang="it-IT" sz="1400" dirty="0"/>
              <a:t>imputare la spesa per l’erogazione liberale e detrarre 1.040 euro (spesa di 4.000 euro, detrazione 26%);</a:t>
            </a:r>
          </a:p>
          <a:p>
            <a:pPr marL="342900" indent="-342900" algn="just">
              <a:buFont typeface="+mj-lt"/>
              <a:buAutoNum type="arabicPeriod"/>
            </a:pPr>
            <a:r>
              <a:rPr lang="it-IT" sz="1400" dirty="0"/>
              <a:t>imputare, nel residuo ammontare consentito (11.900 euro - 4.000 euro = 7.900 euro), l’intera spesa sostenuta per le spese di istruzione per i figli (2.000 euro), beneficiando di una detrazione di 380 euro (2.000 euro, detrazione 19%).</a:t>
            </a:r>
          </a:p>
          <a:p>
            <a:pPr algn="just"/>
            <a:r>
              <a:rPr lang="it-IT" sz="1400" dirty="0"/>
              <a:t>Per le spese incluse nell’ammontare di cui all’articolo 16-ter, pertanto, il totale della detrazione spettante è pari a 1.420 euro.</a:t>
            </a:r>
          </a:p>
          <a:p>
            <a:pPr algn="just"/>
            <a:r>
              <a:rPr lang="it-IT" sz="1400" dirty="0"/>
              <a:t>Rimane ferma la detrazione spettante per le spese di ristrutturazione edilizia dell’abitazione principale ai sensi dell’articolo 16-bis del TUIR, secondo le modalità ordinarie, pari a 4.500 euro (9.000 euro, detrazione 50%).</a:t>
            </a:r>
          </a:p>
          <a:p>
            <a:pPr algn="just"/>
            <a:r>
              <a:rPr lang="it-IT" sz="1400" dirty="0"/>
              <a:t>Il totale della detrazione complessivamente spettante al contribuente è, quindi, pari a 5.920 euro.</a:t>
            </a:r>
            <a:endParaRPr lang="it-IT" sz="1400" i="1" dirty="0"/>
          </a:p>
        </p:txBody>
      </p:sp>
    </p:spTree>
    <p:extLst>
      <p:ext uri="{BB962C8B-B14F-4D97-AF65-F5344CB8AC3E}">
        <p14:creationId xmlns:p14="http://schemas.microsoft.com/office/powerpoint/2010/main" val="1170702064"/>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Circolare n. 6 del 2025 - Riordino delle detrazioni: articolo 1 comma 10 della Legge del 30/12/2024 n. 207</a:t>
            </a:r>
            <a:endParaRPr lang="en-US" sz="1800" dirty="0">
              <a:latin typeface="Calibri" panose="020F0502020204030204" pitchFamily="34" charset="0"/>
            </a:endParaRPr>
          </a:p>
        </p:txBody>
      </p:sp>
      <p:sp>
        <p:nvSpPr>
          <p:cNvPr id="6" name="TextBox 5">
            <a:extLst>
              <a:ext uri="{FF2B5EF4-FFF2-40B4-BE49-F238E27FC236}">
                <a16:creationId xmlns:a16="http://schemas.microsoft.com/office/drawing/2014/main" id="{B8366263-9779-4E48-ABE8-E1EB7A8AC297}"/>
              </a:ext>
            </a:extLst>
          </p:cNvPr>
          <p:cNvSpPr txBox="1"/>
          <p:nvPr/>
        </p:nvSpPr>
        <p:spPr>
          <a:xfrm>
            <a:off x="406540" y="842281"/>
            <a:ext cx="9201554" cy="5970865"/>
          </a:xfrm>
          <a:prstGeom prst="rect">
            <a:avLst/>
          </a:prstGeom>
          <a:noFill/>
        </p:spPr>
        <p:txBody>
          <a:bodyPr wrap="square">
            <a:spAutoFit/>
          </a:bodyPr>
          <a:lstStyle/>
          <a:p>
            <a:r>
              <a:rPr lang="en-US" b="1" dirty="0"/>
              <a:t>Esempio n. 3</a:t>
            </a:r>
            <a:endParaRPr lang="it-IT" sz="1400" dirty="0"/>
          </a:p>
          <a:p>
            <a:pPr algn="just"/>
            <a:r>
              <a:rPr lang="it-IT" sz="1400" dirty="0"/>
              <a:t>Si consideri il caso di un contribuente, che ha fiscalmente a carico il coniuge e due figli, con un reddito complessivo nell’anno 2025 pari a 150.000 euro, e che ha sostenuto oneri e spese detraibili pari a 9.550 euro, così suddivisi:</a:t>
            </a:r>
          </a:p>
          <a:p>
            <a:pPr marL="285750" indent="-285750" algn="just">
              <a:buFont typeface="Arial" panose="020B0604020202020204" pitchFamily="34" charset="0"/>
              <a:buChar char="•"/>
            </a:pPr>
            <a:r>
              <a:rPr lang="it-IT" sz="1400" dirty="0"/>
              <a:t>spese per la ristrutturazione edilizia dell’abitazione principale pari a 60.000euro, sostenute nel 2025 (rata di spesa detraibile annuale 6.000 euro; detrazione50%);</a:t>
            </a:r>
          </a:p>
          <a:p>
            <a:pPr marL="285750" indent="-285750" algn="just">
              <a:buFont typeface="Arial" panose="020B0604020202020204" pitchFamily="34" charset="0"/>
              <a:buChar char="•"/>
            </a:pPr>
            <a:r>
              <a:rPr lang="it-IT" sz="1400" dirty="0"/>
              <a:t>spese di istruzione diverse da quelle universitarie per i figli pari a 2.000 euro(detrazione 19%);</a:t>
            </a:r>
          </a:p>
          <a:p>
            <a:pPr marL="285750" indent="-285750" algn="just">
              <a:buFont typeface="Arial" panose="020B0604020202020204" pitchFamily="34" charset="0"/>
              <a:buChar char="•"/>
            </a:pPr>
            <a:r>
              <a:rPr lang="it-IT" sz="1400" dirty="0"/>
              <a:t>spese funebri pari a 1.550 euro (detrazione 19%).</a:t>
            </a:r>
          </a:p>
          <a:p>
            <a:pPr algn="just"/>
            <a:r>
              <a:rPr lang="it-IT" sz="1400" dirty="0"/>
              <a:t>In tal caso, l’ammontare massimo degli oneri e delle spese detraibili, determinato ai sensi dell’articolo 16-ter del TUIR, risulta pari a 6.800 euro (importo base di 8.000 euro moltiplicato per il coefficiente di 0,85 previsto per due figli a carico).</a:t>
            </a:r>
          </a:p>
          <a:p>
            <a:pPr algn="just"/>
            <a:r>
              <a:rPr lang="it-IT" sz="1400" dirty="0"/>
              <a:t>Il contribuente, includendo nell’ammontare massimo prioritariamente gli oneri e le spese che danno diritto a una maggiore detrazione dall’imposta, può:</a:t>
            </a:r>
          </a:p>
          <a:p>
            <a:pPr marL="342900" indent="-342900" algn="just">
              <a:buFont typeface="+mj-lt"/>
              <a:buAutoNum type="arabicPeriod"/>
            </a:pPr>
            <a:r>
              <a:rPr lang="it-IT" sz="1400" dirty="0"/>
              <a:t>imputare la rata di spesa per la ristrutturazione edilizia dell’abitazione principale e detrarre 3.000 euro (rata di spesa per il 2025 pari a 6.000 euro, detrazione 50%);</a:t>
            </a:r>
          </a:p>
          <a:p>
            <a:pPr marL="342900" indent="-342900" algn="just">
              <a:buFont typeface="+mj-lt"/>
              <a:buAutoNum type="arabicPeriod"/>
            </a:pPr>
            <a:r>
              <a:rPr lang="it-IT" sz="1400" dirty="0"/>
              <a:t>imputare, nel residuo ammontare consentito (6.800 euro - 6.000 euro = 800euro), una parte delle spese funebri sostenute, calcolando una detrazione teoricamente spettante pari a 152 euro (800 euro, detrazione 19%).</a:t>
            </a:r>
          </a:p>
          <a:p>
            <a:pPr algn="just"/>
            <a:r>
              <a:rPr lang="it-IT" sz="1400" dirty="0"/>
              <a:t>Raggiunto il massimale degli oneri e delle spese determinato ai sensi dell’articolo 16-ter, non sarà possibile portare in detrazione le altre spese sostenute.</a:t>
            </a:r>
          </a:p>
          <a:p>
            <a:pPr algn="just"/>
            <a:r>
              <a:rPr lang="it-IT" sz="1400" dirty="0"/>
              <a:t>Si ricorda che, nel caso di specie, in cui il reddito complessivo è superiore a 120.000 euro, opera, altresì, la limitazione dell’articolo 15, comma 3-bis, del TUIR, e, pertanto, la detrazione per le spese funebri spetta solo per la parte corrispondente al rapporto tra l’importo di 240.000 euro, diminuito del reddito complessivo, e 120.000 euro.</a:t>
            </a:r>
          </a:p>
          <a:p>
            <a:pPr algn="just"/>
            <a:r>
              <a:rPr lang="it-IT" sz="1400" dirty="0"/>
              <a:t>Tale importo risulta pari a 100 x (240.000 – 150.000) / 120.000 = 75% della detrazione (152 euro) = 114 euro.</a:t>
            </a:r>
          </a:p>
          <a:p>
            <a:pPr algn="just"/>
            <a:r>
              <a:rPr lang="it-IT" sz="1400" dirty="0"/>
              <a:t>Il totale della detrazione complessivamente spettante al contribuente è, quindi, pari a 3.114 euro.</a:t>
            </a:r>
            <a:endParaRPr lang="it-IT" sz="1400" i="1" dirty="0"/>
          </a:p>
        </p:txBody>
      </p:sp>
    </p:spTree>
    <p:extLst>
      <p:ext uri="{BB962C8B-B14F-4D97-AF65-F5344CB8AC3E}">
        <p14:creationId xmlns:p14="http://schemas.microsoft.com/office/powerpoint/2010/main" val="1111395410"/>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Circolare n. 6 del 2025 - Riordino delle detrazioni: articolo 1 comma 10 della Legge del 30/12/2024 n. 207</a:t>
            </a:r>
            <a:endParaRPr lang="en-US" sz="1800" dirty="0">
              <a:latin typeface="Calibri" panose="020F0502020204030204" pitchFamily="34" charset="0"/>
            </a:endParaRPr>
          </a:p>
        </p:txBody>
      </p:sp>
      <p:sp>
        <p:nvSpPr>
          <p:cNvPr id="6" name="TextBox 5">
            <a:extLst>
              <a:ext uri="{FF2B5EF4-FFF2-40B4-BE49-F238E27FC236}">
                <a16:creationId xmlns:a16="http://schemas.microsoft.com/office/drawing/2014/main" id="{B8366263-9779-4E48-ABE8-E1EB7A8AC297}"/>
              </a:ext>
            </a:extLst>
          </p:cNvPr>
          <p:cNvSpPr txBox="1"/>
          <p:nvPr/>
        </p:nvSpPr>
        <p:spPr>
          <a:xfrm>
            <a:off x="406540" y="842281"/>
            <a:ext cx="9201554" cy="4247317"/>
          </a:xfrm>
          <a:prstGeom prst="rect">
            <a:avLst/>
          </a:prstGeom>
          <a:noFill/>
        </p:spPr>
        <p:txBody>
          <a:bodyPr wrap="square">
            <a:spAutoFit/>
          </a:bodyPr>
          <a:lstStyle/>
          <a:p>
            <a:r>
              <a:rPr lang="en-US" b="1" dirty="0"/>
              <a:t>Esempio n. 4</a:t>
            </a:r>
            <a:endParaRPr lang="it-IT" sz="1400" dirty="0"/>
          </a:p>
          <a:p>
            <a:pPr algn="just"/>
            <a:r>
              <a:rPr lang="it-IT" sz="1400" dirty="0"/>
              <a:t>Si consideri il caso di un contribuente, che ha fiscalmente a carico il coniuge e tre figli, con un reddito complessivo nell’anno 2025 pari a 150.000 euro e che ha sostenuto oneri e spese detraibili pari a 9.000 euro, così suddivisi:</a:t>
            </a:r>
          </a:p>
          <a:p>
            <a:pPr marL="285750" indent="-285750" algn="just">
              <a:buFont typeface="Arial" panose="020B0604020202020204" pitchFamily="34" charset="0"/>
              <a:buChar char="•"/>
            </a:pPr>
            <a:r>
              <a:rPr lang="it-IT" sz="1400" dirty="0"/>
              <a:t>erogazione liberale in denaro in favore dei partiti politici pari a 4.000 euro (detrazione 26%);</a:t>
            </a:r>
          </a:p>
          <a:p>
            <a:pPr marL="285750" indent="-285750" algn="just">
              <a:buFont typeface="Arial" panose="020B0604020202020204" pitchFamily="34" charset="0"/>
              <a:buChar char="•"/>
            </a:pPr>
            <a:r>
              <a:rPr lang="it-IT" sz="1400" dirty="0"/>
              <a:t>spese di istruzione diverse da quelle universitarie per i figli pari a 3.000 euro (detrazione 19%);</a:t>
            </a:r>
          </a:p>
          <a:p>
            <a:pPr marL="285750" indent="-285750" algn="just">
              <a:buFont typeface="Arial" panose="020B0604020202020204" pitchFamily="34" charset="0"/>
              <a:buChar char="•"/>
            </a:pPr>
            <a:r>
              <a:rPr lang="it-IT" sz="1400" dirty="0"/>
              <a:t>oneri sostenuti in dipendenza di mutui per l’acquisto dell’abitazione principale contratti dopo il 31.12.2024 pari a 2.000 euro (detrazione 19%).</a:t>
            </a:r>
          </a:p>
          <a:p>
            <a:pPr algn="just"/>
            <a:r>
              <a:rPr lang="it-IT" sz="1400" dirty="0"/>
              <a:t>In tal caso, l’ammontare massimo degli oneri e delle spese detraibili, determinato ai sensi dell’articolo 16-ter del TUIR, risulta pari a 8.000 euro (importo base di 8.000 euro moltiplicato per il coefficiente di 1 previsto per tre figli a carico).</a:t>
            </a:r>
          </a:p>
          <a:p>
            <a:pPr algn="just"/>
            <a:r>
              <a:rPr lang="it-IT" sz="1400" dirty="0"/>
              <a:t>Tenuto conto che, ai sensi dell’articolo 16-ter, comma 5, secondo periodo, del TUIR, rilevano anche gli oneri sostenuti in dipendenza di mutui contratti dopo il 31.12.2024, il contribuente può:</a:t>
            </a:r>
          </a:p>
          <a:p>
            <a:pPr marL="342900" indent="-342900" algn="just">
              <a:buFont typeface="+mj-lt"/>
              <a:buAutoNum type="arabicPeriod"/>
            </a:pPr>
            <a:r>
              <a:rPr lang="it-IT" sz="1400" dirty="0"/>
              <a:t>imputare la spesa per l’erogazione liberale e detrarre 1.040 euro (spesa di 4.000 euro, detrazione 26%);</a:t>
            </a:r>
          </a:p>
          <a:p>
            <a:pPr marL="342900" indent="-342900" algn="just">
              <a:buFont typeface="+mj-lt"/>
              <a:buAutoNum type="arabicPeriod"/>
            </a:pPr>
            <a:r>
              <a:rPr lang="it-IT" sz="1400" dirty="0"/>
              <a:t>imputare la spesa per gli oneri derivanti da mutui contratti dopo il 31.12.2024 detrarre 380 euro (spesa di 2.000 euro, detrazione 19%);</a:t>
            </a:r>
          </a:p>
          <a:p>
            <a:pPr marL="342900" indent="-342900" algn="just">
              <a:buFont typeface="+mj-lt"/>
              <a:buAutoNum type="arabicPeriod"/>
            </a:pPr>
            <a:r>
              <a:rPr lang="it-IT" sz="1400" dirty="0"/>
              <a:t>imputare, nel residuo ammontare consentito (8.000 euro - 6.000 euro = 2.000euro), una parte delle spese sostenute per l’istruzione per i figli, calcolando una detrazione pari a 380 euro (2.000 euro, detrazione 19%).</a:t>
            </a:r>
            <a:endParaRPr lang="it-IT" sz="1400" i="1" dirty="0"/>
          </a:p>
        </p:txBody>
      </p:sp>
    </p:spTree>
    <p:extLst>
      <p:ext uri="{BB962C8B-B14F-4D97-AF65-F5344CB8AC3E}">
        <p14:creationId xmlns:p14="http://schemas.microsoft.com/office/powerpoint/2010/main" val="2918560072"/>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Circolare n. 6 del 2025 - Riordino delle detrazioni: articolo 1 comma 10 della Legge del 30/12/2024 n. 207</a:t>
            </a:r>
            <a:endParaRPr lang="en-US" sz="1800" dirty="0">
              <a:latin typeface="Calibri" panose="020F0502020204030204" pitchFamily="34" charset="0"/>
            </a:endParaRPr>
          </a:p>
        </p:txBody>
      </p:sp>
      <p:sp>
        <p:nvSpPr>
          <p:cNvPr id="6" name="TextBox 5">
            <a:extLst>
              <a:ext uri="{FF2B5EF4-FFF2-40B4-BE49-F238E27FC236}">
                <a16:creationId xmlns:a16="http://schemas.microsoft.com/office/drawing/2014/main" id="{B8366263-9779-4E48-ABE8-E1EB7A8AC297}"/>
              </a:ext>
            </a:extLst>
          </p:cNvPr>
          <p:cNvSpPr txBox="1"/>
          <p:nvPr/>
        </p:nvSpPr>
        <p:spPr>
          <a:xfrm>
            <a:off x="406540" y="842281"/>
            <a:ext cx="9201554" cy="3600986"/>
          </a:xfrm>
          <a:prstGeom prst="rect">
            <a:avLst/>
          </a:prstGeom>
          <a:noFill/>
        </p:spPr>
        <p:txBody>
          <a:bodyPr wrap="square">
            <a:spAutoFit/>
          </a:bodyPr>
          <a:lstStyle/>
          <a:p>
            <a:r>
              <a:rPr lang="en-US" b="1" dirty="0"/>
              <a:t>Esempio n. 4</a:t>
            </a:r>
          </a:p>
          <a:p>
            <a:r>
              <a:rPr lang="en-US" sz="1400" b="1" dirty="0"/>
              <a:t>….</a:t>
            </a:r>
            <a:endParaRPr lang="it-IT" sz="1400" dirty="0"/>
          </a:p>
          <a:p>
            <a:pPr algn="just"/>
            <a:r>
              <a:rPr lang="it-IT" sz="1400" dirty="0"/>
              <a:t>Si ricorda che, nel caso di specie, in cui il reddito complessivo è superiore a 120.000 euro, opera, altresì, la limitazione dell’articolo 15, comma 3-bis, del TUIR, e, pertanto, la detrazione per le spese di istruzione per i figli spetta solo per la parte corrispondente al rapporto tra l’importo di 240.000 euro, diminuito del reddito complessivo, e 120.000 euro.</a:t>
            </a:r>
          </a:p>
          <a:p>
            <a:pPr algn="just"/>
            <a:r>
              <a:rPr lang="it-IT" sz="1400" dirty="0"/>
              <a:t>Tale importo risulta pari a 100 x (240.000 – 150.000) / 120.000 = 75% della detrazione (380 euro) = 285 euro.</a:t>
            </a:r>
          </a:p>
          <a:p>
            <a:pPr algn="just"/>
            <a:r>
              <a:rPr lang="it-IT" sz="1400" dirty="0"/>
              <a:t>Ai sensi dell’articolo 15, comma 3-quater, del TUIR, la detrazione per le spese sostenute in dipendenza di mutui per l’acquisto dell’abitazione principale spetta, invece, per l’intero importo ammesso in detrazione, a prescindere dall’ammontare del reddito complessivo.</a:t>
            </a:r>
          </a:p>
          <a:p>
            <a:pPr algn="just"/>
            <a:r>
              <a:rPr lang="it-IT" sz="1400" dirty="0"/>
              <a:t>Il totale della detrazione spettante è, pertanto, in questo caso, pari a 1.705 euro.</a:t>
            </a:r>
          </a:p>
          <a:p>
            <a:pPr algn="just"/>
            <a:r>
              <a:rPr lang="it-IT" sz="1400" dirty="0"/>
              <a:t>Si sottolinea, infine, che nel caso in cui il mutuo per l’acquisto dell’abitazione principale fosse stato contratto prima dell’1.1.25, tale spesa sarebbe esclusa dall’ammontare massimo degli oneri e delle spese di cui all’articolo 16-ter del TUIR, e, pertanto, il contribuente potrebbe imputare al suddetto conteggio l’intera spesa sostenuta per le spese di istruzione diverse da quelle universitarie, ferma restando l’applicazione per tale spesa dell’articolo 15, comma 3-bis, del TUIR.</a:t>
            </a:r>
            <a:endParaRPr lang="it-IT" sz="1400" i="1" dirty="0"/>
          </a:p>
        </p:txBody>
      </p:sp>
    </p:spTree>
    <p:extLst>
      <p:ext uri="{BB962C8B-B14F-4D97-AF65-F5344CB8AC3E}">
        <p14:creationId xmlns:p14="http://schemas.microsoft.com/office/powerpoint/2010/main" val="1921602834"/>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BF30CAA7-981A-4A95-8E9C-EB17C724B66C}"/>
              </a:ext>
            </a:extLst>
          </p:cNvPr>
          <p:cNvSpPr txBox="1"/>
          <p:nvPr/>
        </p:nvSpPr>
        <p:spPr>
          <a:xfrm>
            <a:off x="5332491" y="959666"/>
            <a:ext cx="1068309" cy="369332"/>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600"/>
              </a:spcBef>
              <a:spcAft>
                <a:spcPts val="0"/>
              </a:spcAft>
              <a:buClrTx/>
              <a:buSzPct val="100000"/>
              <a:buFontTx/>
              <a:buNone/>
              <a:tabLst/>
              <a:defRPr/>
            </a:pPr>
            <a:r>
              <a:rPr kumimoji="0" lang="it-IT" sz="2400" b="0" i="0" u="none" strike="noStrike" kern="1200" cap="none" spc="0" normalizeH="0" baseline="0" noProof="0" dirty="0">
                <a:ln>
                  <a:noFill/>
                </a:ln>
                <a:solidFill>
                  <a:srgbClr val="313131"/>
                </a:solidFill>
                <a:effectLst/>
                <a:uLnTx/>
                <a:uFillTx/>
                <a:latin typeface="Calibri"/>
                <a:ea typeface="+mn-ea"/>
                <a:cs typeface="+mn-cs"/>
              </a:rPr>
              <a:t>Grazie!!</a:t>
            </a:r>
          </a:p>
        </p:txBody>
      </p:sp>
      <p:pic>
        <p:nvPicPr>
          <p:cNvPr id="2" name="Picture 1">
            <a:extLst>
              <a:ext uri="{FF2B5EF4-FFF2-40B4-BE49-F238E27FC236}">
                <a16:creationId xmlns:a16="http://schemas.microsoft.com/office/drawing/2014/main" id="{4A2DB91F-F0E0-2E9F-B035-DD971A03A665}"/>
              </a:ext>
            </a:extLst>
          </p:cNvPr>
          <p:cNvPicPr>
            <a:picLocks noChangeAspect="1"/>
          </p:cNvPicPr>
          <p:nvPr/>
        </p:nvPicPr>
        <p:blipFill>
          <a:blip r:embed="rId3"/>
          <a:stretch>
            <a:fillRect/>
          </a:stretch>
        </p:blipFill>
        <p:spPr>
          <a:xfrm>
            <a:off x="687582" y="1704582"/>
            <a:ext cx="7429001" cy="3826159"/>
          </a:xfrm>
          <a:prstGeom prst="rect">
            <a:avLst/>
          </a:prstGeom>
        </p:spPr>
      </p:pic>
    </p:spTree>
    <p:extLst>
      <p:ext uri="{BB962C8B-B14F-4D97-AF65-F5344CB8AC3E}">
        <p14:creationId xmlns:p14="http://schemas.microsoft.com/office/powerpoint/2010/main" val="3131996703"/>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10507936" cy="577461"/>
          </a:xfrm>
        </p:spPr>
        <p:txBody>
          <a:bodyPr/>
          <a:lstStyle/>
          <a:p>
            <a:pPr algn="just"/>
            <a:r>
              <a:rPr lang="it-IT" sz="1800" dirty="0">
                <a:latin typeface="Calibri" panose="020F0502020204030204" pitchFamily="34" charset="0"/>
              </a:rPr>
              <a:t>Articolo 1, comma 182 </a:t>
            </a:r>
            <a:r>
              <a:rPr lang="it-IT" sz="1800" dirty="0" err="1">
                <a:latin typeface="Calibri" panose="020F0502020204030204" pitchFamily="34" charset="0"/>
              </a:rPr>
              <a:t>ss</a:t>
            </a:r>
            <a:r>
              <a:rPr lang="it-IT" sz="1800" dirty="0">
                <a:latin typeface="Calibri" panose="020F0502020204030204" pitchFamily="34" charset="0"/>
              </a:rPr>
              <a:t>, della legge di Stabilità 2016 (L. 28 dicembre 2015, n. 208)</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85209" y="1613118"/>
            <a:ext cx="9201554" cy="1815882"/>
          </a:xfrm>
          <a:prstGeom prst="rect">
            <a:avLst/>
          </a:prstGeom>
          <a:noFill/>
        </p:spPr>
        <p:txBody>
          <a:bodyPr wrap="square">
            <a:spAutoFit/>
          </a:bodyPr>
          <a:lstStyle/>
          <a:p>
            <a:pPr algn="just"/>
            <a:r>
              <a:rPr lang="it-IT" sz="1600" dirty="0"/>
              <a:t>182. Salva espressa rinuncia scritta del prestatore di lavoro, sono soggetti a una imposta sostitutiva  dell'imposta  sul  reddito  delle persone fisiche e delle addizionali regionali e comunali pari  al  10 per cento, entro il limite  di  importo  complessivo  di  2.000  euro lordi (</a:t>
            </a:r>
            <a:r>
              <a:rPr lang="it-IT" sz="1600" dirty="0" err="1"/>
              <a:t>nda</a:t>
            </a:r>
            <a:r>
              <a:rPr lang="it-IT" sz="1600" dirty="0"/>
              <a:t> ora €3.000),  i  premi  di  risultato  di  ammontare   variabile   la   cui corresponsione   sia   legata   ad   incrementi   di   produttività, redditività,  qualità,  efficienza  ed  innovazione,  misurabili  e verificabili sulla base di criteri definiti con il decreto di cui  al comma 188, </a:t>
            </a:r>
            <a:r>
              <a:rPr lang="it-IT" sz="1600" b="1" dirty="0"/>
              <a:t>nonché' le somme erogate  sotto  forma  di  partecipazione agli utili dell'impresa. </a:t>
            </a:r>
            <a:endParaRPr lang="it-IT" sz="1600" b="1" i="1" u="sng" dirty="0"/>
          </a:p>
        </p:txBody>
      </p:sp>
    </p:spTree>
    <p:extLst>
      <p:ext uri="{BB962C8B-B14F-4D97-AF65-F5344CB8AC3E}">
        <p14:creationId xmlns:p14="http://schemas.microsoft.com/office/powerpoint/2010/main" val="2122903879"/>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10507936" cy="577461"/>
          </a:xfrm>
        </p:spPr>
        <p:txBody>
          <a:bodyPr/>
          <a:lstStyle/>
          <a:p>
            <a:pPr algn="just"/>
            <a:r>
              <a:rPr lang="it-IT" sz="1800" dirty="0">
                <a:latin typeface="Calibri" panose="020F0502020204030204" pitchFamily="34" charset="0"/>
              </a:rPr>
              <a:t>Coinvolgimento paritetico dei lavoratori</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97113" y="757997"/>
            <a:ext cx="9201554" cy="3293209"/>
          </a:xfrm>
          <a:prstGeom prst="rect">
            <a:avLst/>
          </a:prstGeom>
          <a:noFill/>
        </p:spPr>
        <p:txBody>
          <a:bodyPr wrap="square">
            <a:spAutoFit/>
          </a:bodyPr>
          <a:lstStyle/>
          <a:p>
            <a:pPr algn="just"/>
            <a:r>
              <a:rPr lang="it-IT" sz="1600" dirty="0"/>
              <a:t>Articolo 55, comma 1, del DL n. 50 del 2017 (ha sostituito il comma 189 dell’articolo 1 della legge di Stabilità 2016) </a:t>
            </a:r>
            <a:r>
              <a:rPr lang="it-IT" sz="1600" i="1" dirty="0"/>
              <a:t>“…Per le aziende che coinvolgono pariteticamente i lavoratori nell’organizzazione del lavoro …, è ridotta di venti punti percentuali l’aliquota contributiva a carico del datore di lavoro per il regime relativo all’invalidità, la vecchiaia ed i superstiti su una quota delle erogazioni previste dal comma 182 non superiore a 800 euro. Sulla medesima quota, non è dovuta alcuna contribuzione a carico del lavoratore. Con riferimento alla quota di erogazioni di cui al presente comma è corrispondentemente ridotta l’aliquota contributiva di computo ai fini pensionistici.”.</a:t>
            </a:r>
          </a:p>
          <a:p>
            <a:pPr algn="just"/>
            <a:endParaRPr lang="it-IT" sz="1600" dirty="0"/>
          </a:p>
          <a:p>
            <a:pPr algn="just"/>
            <a:r>
              <a:rPr lang="it-IT" sz="1600" dirty="0"/>
              <a:t>I premi di risultato erogati in esecuzione di contratti, aziendali o territoriali, stipulati dopo l’entrata in vigore del DL n. 50/2017 (24 aprile 2017), sono agevolabili nell’importo massimo lordo di euro 3.000 anche se corrisposti da aziende che adottano forme di coinvolgimento paritetico dei lavoratori nell’organizzazione del lavoro.</a:t>
            </a:r>
            <a:endParaRPr lang="it-IT" sz="1600" b="1" u="sng" dirty="0"/>
          </a:p>
        </p:txBody>
      </p:sp>
    </p:spTree>
    <p:extLst>
      <p:ext uri="{BB962C8B-B14F-4D97-AF65-F5344CB8AC3E}">
        <p14:creationId xmlns:p14="http://schemas.microsoft.com/office/powerpoint/2010/main" val="2607645970"/>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10507936" cy="396979"/>
          </a:xfrm>
        </p:spPr>
        <p:txBody>
          <a:bodyPr/>
          <a:lstStyle/>
          <a:p>
            <a:pPr algn="just"/>
            <a:r>
              <a:rPr lang="it-IT" sz="1800" dirty="0">
                <a:latin typeface="Calibri" panose="020F0502020204030204" pitchFamily="34" charset="0"/>
              </a:rPr>
              <a:t>Coinvolgimento paritetico dei lavoratori</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85209" y="825374"/>
            <a:ext cx="9201554" cy="5755422"/>
          </a:xfrm>
          <a:prstGeom prst="rect">
            <a:avLst/>
          </a:prstGeom>
          <a:noFill/>
        </p:spPr>
        <p:txBody>
          <a:bodyPr wrap="square">
            <a:spAutoFit/>
          </a:bodyPr>
          <a:lstStyle/>
          <a:p>
            <a:pPr algn="just"/>
            <a:r>
              <a:rPr lang="it-IT" sz="1600" dirty="0"/>
              <a:t>Circolare n. 6 del 2028 </a:t>
            </a:r>
            <a:r>
              <a:rPr lang="it-IT" sz="1600" i="1" dirty="0"/>
              <a:t>«…A titolo puramente esemplificativo, il Piano potrebbe indicare, tra le azioni, gli schemi organizzativi di innovazione partecipata (“SOP”) o i programmi di gestione partecipata (“PGP”), che già trovano riscontro nelle prassi aziendali censite dalla Fondazione europea per il miglioramento delle condizioni di vita e di lavoro (</a:t>
            </a:r>
            <a:r>
              <a:rPr lang="it-IT" sz="1600" i="1" dirty="0" err="1"/>
              <a:t>Eurofound</a:t>
            </a:r>
            <a:r>
              <a:rPr lang="it-IT" sz="1600" i="1" dirty="0"/>
              <a:t>). </a:t>
            </a:r>
          </a:p>
          <a:p>
            <a:pPr algn="just"/>
            <a:r>
              <a:rPr lang="it-IT" sz="1600" i="1" dirty="0"/>
              <a:t>In particolare: </a:t>
            </a:r>
          </a:p>
          <a:p>
            <a:pPr marL="285750" indent="-285750" algn="just">
              <a:buFontTx/>
              <a:buChar char="-"/>
            </a:pPr>
            <a:r>
              <a:rPr lang="it-IT" sz="1600" i="1" dirty="0"/>
              <a:t>i SOP sono forme di coinvolgimento diretto dei lavoratori nei processi d’innovazione. I SOP richiedono una comunicazione strutturata tra lavoratori e datore di lavoro. Esemplificativamente, tra i SOP si possono annoverare (i) i gruppi di progetto (gruppi volti a migliorare singole aree produttive, fasi del flusso, prodotti/servizi o sistemi tecnico organizzativi); (ii) la formazione specialistica e mirata all’innovazione; (iii) i sistemi di gestione dei suggerimenti dei lavoratori; (iv) le campagne di comunicazione sugli scopi e lo sviluppo di progetti/programmi di innovazione, (workshop, focus, seminari interattivi); </a:t>
            </a:r>
          </a:p>
          <a:p>
            <a:pPr marL="285750" indent="-285750" algn="just">
              <a:buFontTx/>
              <a:buChar char="-"/>
            </a:pPr>
            <a:r>
              <a:rPr lang="it-IT" sz="1600" i="1" dirty="0"/>
              <a:t>i PGP attengono a forme di partecipazione diretta dei lavoratori per la gestione delle attività e delle conoscenze produttive nonché del tempo e del luogo di lavoro che consentono di combinare flessibilità, risultati aziendali e qualità della vita e del lavoro. Tra i PGP, esemplificativamente, si annoverano (i) il lavoro in team pianificato, strutturato e formalizzato con assegnazione di obiettivi produttivi e delega parziale al team per la gestione della polivalenza e della rotazione delle mansioni; (ii) i programmi di gestione della flessibilità spazio-temporale del lavoro in modo condiviso tra azienda e lavoratori (orari a menù, forme di part time a menù sincronizzate con gli orari aziendali, team di autogestione dei turni, banca delle ore, lavoro agile, etc.); (iii) le comunità di pratiche volte a sviluppare conoscenze operative su base volontaria con strumentazione tecnologica e social network (la comunità deve condividere e sviluppare autonomamente i sistemi di conoscenza)». </a:t>
            </a:r>
            <a:endParaRPr lang="it-IT" sz="1600" b="1" i="1" u="sng" dirty="0"/>
          </a:p>
        </p:txBody>
      </p:sp>
    </p:spTree>
    <p:extLst>
      <p:ext uri="{BB962C8B-B14F-4D97-AF65-F5344CB8AC3E}">
        <p14:creationId xmlns:p14="http://schemas.microsoft.com/office/powerpoint/2010/main" val="3721528066"/>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LEGGE 15 maggio 2025, n. 76 - Disposizioni per la partecipazione dei lavoratori alla gestione, al capitale e agli utili delle imprese.</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23684" y="1123758"/>
            <a:ext cx="9201554" cy="3139321"/>
          </a:xfrm>
          <a:prstGeom prst="rect">
            <a:avLst/>
          </a:prstGeom>
          <a:noFill/>
        </p:spPr>
        <p:txBody>
          <a:bodyPr wrap="square">
            <a:spAutoFit/>
          </a:bodyPr>
          <a:lstStyle/>
          <a:p>
            <a:r>
              <a:rPr lang="en-US" b="1" dirty="0"/>
              <a:t>Art. 1 </a:t>
            </a:r>
            <a:r>
              <a:rPr lang="en-US" dirty="0"/>
              <a:t>Finalità e oggetto</a:t>
            </a:r>
          </a:p>
          <a:p>
            <a:pPr algn="just"/>
            <a:r>
              <a:rPr lang="it-IT" b="1" dirty="0"/>
              <a:t>1. </a:t>
            </a:r>
            <a:r>
              <a:rPr lang="it-IT" dirty="0"/>
              <a:t>La presente legge disciplina la partecipazione gestionale, economica e finanziaria, organizzativa e consultiva dei lavoratori alla gestione, all'organizzazione, ai profitti e ai risultati nonché alla proprietà delle aziende e individua le modalità di promozione e incentivazione delle suddette forme di partecipazione, in attuazione dell'articolo 46 della Costituzione e nel rispetto dei principi e dei vincoli derivanti dall'ordinamento dell'Unione europea e internazionale, al fine di rafforzare la collaborazione tra i datori di lavoro e i lavoratori, di preservare e incrementare i livelli occupazionali e di valorizzare il lavoro sul piano economico e sociale. Introduce altresì norme finalizzate all'allargamento e al consolidamento di processi di democrazia economica e di sostenibilità delle imprese.</a:t>
            </a:r>
          </a:p>
        </p:txBody>
      </p:sp>
    </p:spTree>
    <p:extLst>
      <p:ext uri="{BB962C8B-B14F-4D97-AF65-F5344CB8AC3E}">
        <p14:creationId xmlns:p14="http://schemas.microsoft.com/office/powerpoint/2010/main" val="2693344650"/>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LEGGE 15 maggio 2025, n. 76 - Disposizioni per la partecipazione dei lavoratori alla gestione, al capitale e agli utili delle imprese.</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85209" y="1114132"/>
            <a:ext cx="9201554" cy="1200329"/>
          </a:xfrm>
          <a:prstGeom prst="rect">
            <a:avLst/>
          </a:prstGeom>
          <a:noFill/>
        </p:spPr>
        <p:txBody>
          <a:bodyPr wrap="square">
            <a:spAutoFit/>
          </a:bodyPr>
          <a:lstStyle/>
          <a:p>
            <a:pPr marL="342900" indent="-342900">
              <a:buFont typeface="+mj-lt"/>
              <a:buAutoNum type="arabicPeriod"/>
            </a:pPr>
            <a:r>
              <a:rPr lang="it-IT" dirty="0"/>
              <a:t>Partecipazione gestionale: </a:t>
            </a:r>
          </a:p>
          <a:p>
            <a:pPr marL="285750" indent="-285750">
              <a:buFont typeface="Arial" panose="020B0604020202020204" pitchFamily="34" charset="0"/>
              <a:buChar char="•"/>
            </a:pPr>
            <a:r>
              <a:rPr lang="it-IT" dirty="0"/>
              <a:t>Partecipazione dei rappresentanti dei lavoratori al consiglio di sorveglianza (sistema dualistico);</a:t>
            </a:r>
          </a:p>
          <a:p>
            <a:pPr marL="285750" indent="-285750">
              <a:buFont typeface="Arial" panose="020B0604020202020204" pitchFamily="34" charset="0"/>
              <a:buChar char="•"/>
            </a:pPr>
            <a:r>
              <a:rPr lang="it-IT" dirty="0"/>
              <a:t>Partecipazione al consiglio di amministrazione</a:t>
            </a:r>
          </a:p>
        </p:txBody>
      </p:sp>
      <p:sp>
        <p:nvSpPr>
          <p:cNvPr id="2" name="TextBox 1">
            <a:extLst>
              <a:ext uri="{FF2B5EF4-FFF2-40B4-BE49-F238E27FC236}">
                <a16:creationId xmlns:a16="http://schemas.microsoft.com/office/drawing/2014/main" id="{A3E7C1E8-A336-DEE6-ACCF-091394DCDFE6}"/>
              </a:ext>
            </a:extLst>
          </p:cNvPr>
          <p:cNvSpPr txBox="1"/>
          <p:nvPr/>
        </p:nvSpPr>
        <p:spPr>
          <a:xfrm>
            <a:off x="385209" y="2453845"/>
            <a:ext cx="9201554" cy="923330"/>
          </a:xfrm>
          <a:prstGeom prst="rect">
            <a:avLst/>
          </a:prstGeom>
          <a:noFill/>
        </p:spPr>
        <p:txBody>
          <a:bodyPr wrap="square">
            <a:spAutoFit/>
          </a:bodyPr>
          <a:lstStyle/>
          <a:p>
            <a:r>
              <a:rPr lang="it-IT" dirty="0"/>
              <a:t>2. </a:t>
            </a:r>
            <a:r>
              <a:rPr lang="it-IT" b="1" dirty="0"/>
              <a:t>Partecipazione economica e finanziaria dei lavoratori</a:t>
            </a:r>
          </a:p>
          <a:p>
            <a:pPr marL="285750" indent="-285750">
              <a:buFont typeface="Arial" panose="020B0604020202020204" pitchFamily="34" charset="0"/>
              <a:buChar char="•"/>
            </a:pPr>
            <a:r>
              <a:rPr lang="en-US" b="1" dirty="0"/>
              <a:t>Distribuzione degli utili; </a:t>
            </a:r>
          </a:p>
          <a:p>
            <a:pPr marL="285750" indent="-285750">
              <a:buFont typeface="Arial" panose="020B0604020202020204" pitchFamily="34" charset="0"/>
              <a:buChar char="•"/>
            </a:pPr>
            <a:r>
              <a:rPr lang="it-IT" b="1" dirty="0"/>
              <a:t>Piani di partecipazione finanziaria dei lavoratori.</a:t>
            </a:r>
          </a:p>
        </p:txBody>
      </p:sp>
      <p:sp>
        <p:nvSpPr>
          <p:cNvPr id="4" name="TextBox 3">
            <a:extLst>
              <a:ext uri="{FF2B5EF4-FFF2-40B4-BE49-F238E27FC236}">
                <a16:creationId xmlns:a16="http://schemas.microsoft.com/office/drawing/2014/main" id="{E31D65FF-BA77-542B-A6A7-82513BC2D8E6}"/>
              </a:ext>
            </a:extLst>
          </p:cNvPr>
          <p:cNvSpPr txBox="1"/>
          <p:nvPr/>
        </p:nvSpPr>
        <p:spPr>
          <a:xfrm>
            <a:off x="385209" y="3602682"/>
            <a:ext cx="9201554" cy="923330"/>
          </a:xfrm>
          <a:prstGeom prst="rect">
            <a:avLst/>
          </a:prstGeom>
          <a:noFill/>
        </p:spPr>
        <p:txBody>
          <a:bodyPr wrap="square">
            <a:spAutoFit/>
          </a:bodyPr>
          <a:lstStyle/>
          <a:p>
            <a:r>
              <a:rPr lang="it-IT" dirty="0"/>
              <a:t>3. Partecipazione organizzativa</a:t>
            </a:r>
          </a:p>
          <a:p>
            <a:pPr marL="285750" indent="-285750">
              <a:buFont typeface="Arial" panose="020B0604020202020204" pitchFamily="34" charset="0"/>
              <a:buChar char="•"/>
            </a:pPr>
            <a:r>
              <a:rPr lang="it-IT" dirty="0"/>
              <a:t>Piani di miglioramento e di innovazione dei prodotti, dei processi produttivi, dei servizi e dell'organizzazione del lavoro.</a:t>
            </a:r>
          </a:p>
        </p:txBody>
      </p:sp>
      <p:sp>
        <p:nvSpPr>
          <p:cNvPr id="5" name="TextBox 4">
            <a:extLst>
              <a:ext uri="{FF2B5EF4-FFF2-40B4-BE49-F238E27FC236}">
                <a16:creationId xmlns:a16="http://schemas.microsoft.com/office/drawing/2014/main" id="{4EB4EA36-AA90-1639-CF50-CAF905E9C3D1}"/>
              </a:ext>
            </a:extLst>
          </p:cNvPr>
          <p:cNvSpPr txBox="1"/>
          <p:nvPr/>
        </p:nvSpPr>
        <p:spPr>
          <a:xfrm>
            <a:off x="473917" y="4751519"/>
            <a:ext cx="9201554" cy="646331"/>
          </a:xfrm>
          <a:prstGeom prst="rect">
            <a:avLst/>
          </a:prstGeom>
          <a:noFill/>
        </p:spPr>
        <p:txBody>
          <a:bodyPr wrap="square">
            <a:spAutoFit/>
          </a:bodyPr>
          <a:lstStyle/>
          <a:p>
            <a:r>
              <a:rPr lang="it-IT" dirty="0"/>
              <a:t>4. Partecipazione consultiva</a:t>
            </a:r>
          </a:p>
          <a:p>
            <a:pPr marL="285750" indent="-285750">
              <a:buFont typeface="Arial" panose="020B0604020202020204" pitchFamily="34" charset="0"/>
              <a:buChar char="•"/>
            </a:pPr>
            <a:r>
              <a:rPr lang="it-IT" dirty="0"/>
              <a:t>Consultazione preventiva</a:t>
            </a:r>
          </a:p>
        </p:txBody>
      </p:sp>
    </p:spTree>
    <p:extLst>
      <p:ext uri="{BB962C8B-B14F-4D97-AF65-F5344CB8AC3E}">
        <p14:creationId xmlns:p14="http://schemas.microsoft.com/office/powerpoint/2010/main" val="4279522643"/>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4"/>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P spid="2" grpId="0"/>
      <p:bldP spid="4" grpId="0"/>
      <p:bldP spid="5"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LEGGE 15 maggio 2025 , n. 76 - Disposizioni per la partecipazione dei lavoratori alla gestione, al capitale e agli utili delle imprese.</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23684" y="2294921"/>
            <a:ext cx="9201554" cy="3139321"/>
          </a:xfrm>
          <a:prstGeom prst="rect">
            <a:avLst/>
          </a:prstGeom>
          <a:noFill/>
        </p:spPr>
        <p:txBody>
          <a:bodyPr wrap="square">
            <a:spAutoFit/>
          </a:bodyPr>
          <a:lstStyle/>
          <a:p>
            <a:pPr algn="just"/>
            <a:r>
              <a:rPr lang="it-IT" b="1" dirty="0"/>
              <a:t>Per l'anno 2025</a:t>
            </a:r>
            <a:r>
              <a:rPr lang="it-IT" dirty="0"/>
              <a:t>, in deroga a quanto previsto dall'articolo 1, comma 182, della legge 28 dicembre 2015, n. 208, in caso di distribuzione ai lavoratori dipendenti di una </a:t>
            </a:r>
            <a:r>
              <a:rPr lang="it-IT" b="1" dirty="0"/>
              <a:t>quota degli utili di impresa non inferiore al 10 per cento degli utili complessivi</a:t>
            </a:r>
            <a:r>
              <a:rPr lang="it-IT" dirty="0"/>
              <a:t>, effettuata in esecuzione di contratti collettivi aziendali o territoriali di cui all'articolo 51 del decreto legislativo 15 giugno 2015, n. 81, </a:t>
            </a:r>
            <a:r>
              <a:rPr lang="it-IT" b="1" dirty="0"/>
              <a:t>il limite dell'importo complessivo soggetto all'imposta sostitutiva disciplinata dal citato comma 182 è elevato a 5.000 euro lordi. </a:t>
            </a:r>
            <a:r>
              <a:rPr lang="it-IT" dirty="0"/>
              <a:t>Restano ferme le disposizioni dei commi da 183 a 189 dell'articolo 1 della legge 28 dicembre </a:t>
            </a:r>
            <a:r>
              <a:rPr lang="en-US" dirty="0"/>
              <a:t>2015, n. 208.</a:t>
            </a:r>
          </a:p>
          <a:p>
            <a:r>
              <a:rPr lang="it-IT" b="1" dirty="0"/>
              <a:t>2. </a:t>
            </a:r>
            <a:r>
              <a:rPr lang="it-IT" dirty="0"/>
              <a:t>Alle minori entrate derivanti dall'attuazione del comma 1, valutate in 49 milioni di euro per l'anno 2025 e in 800.000 euro per l'anno 2026, si provvede ai sensi dell'articolo 15, comma 1.</a:t>
            </a:r>
          </a:p>
        </p:txBody>
      </p:sp>
      <p:sp>
        <p:nvSpPr>
          <p:cNvPr id="2" name="TextBox 1">
            <a:extLst>
              <a:ext uri="{FF2B5EF4-FFF2-40B4-BE49-F238E27FC236}">
                <a16:creationId xmlns:a16="http://schemas.microsoft.com/office/drawing/2014/main" id="{A3E7C1E8-A336-DEE6-ACCF-091394DCDFE6}"/>
              </a:ext>
            </a:extLst>
          </p:cNvPr>
          <p:cNvSpPr txBox="1"/>
          <p:nvPr/>
        </p:nvSpPr>
        <p:spPr>
          <a:xfrm>
            <a:off x="323684" y="1063848"/>
            <a:ext cx="9201554" cy="923330"/>
          </a:xfrm>
          <a:prstGeom prst="rect">
            <a:avLst/>
          </a:prstGeom>
          <a:noFill/>
        </p:spPr>
        <p:txBody>
          <a:bodyPr wrap="square">
            <a:spAutoFit/>
          </a:bodyPr>
          <a:lstStyle/>
          <a:p>
            <a:r>
              <a:rPr lang="it-IT" dirty="0"/>
              <a:t>2. Partecipazione economica e finanziaria dei lavoratori</a:t>
            </a:r>
          </a:p>
          <a:p>
            <a:endParaRPr lang="it-IT" dirty="0"/>
          </a:p>
          <a:p>
            <a:pPr marL="800100" lvl="1" indent="-342900">
              <a:buFont typeface="Arial" panose="020B0604020202020204" pitchFamily="34" charset="0"/>
              <a:buChar char="•"/>
            </a:pPr>
            <a:r>
              <a:rPr lang="en-US" u="sng" dirty="0"/>
              <a:t>Distribuzione degli utili</a:t>
            </a:r>
            <a:endParaRPr lang="it-IT" u="sng" dirty="0"/>
          </a:p>
        </p:txBody>
      </p:sp>
    </p:spTree>
    <p:extLst>
      <p:ext uri="{BB962C8B-B14F-4D97-AF65-F5344CB8AC3E}">
        <p14:creationId xmlns:p14="http://schemas.microsoft.com/office/powerpoint/2010/main" val="526619928"/>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P spid="2" grpId="0"/>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3917" y="247913"/>
            <a:ext cx="8901089" cy="577461"/>
          </a:xfrm>
        </p:spPr>
        <p:txBody>
          <a:bodyPr/>
          <a:lstStyle/>
          <a:p>
            <a:pPr algn="just"/>
            <a:r>
              <a:rPr lang="it-IT" sz="1800" dirty="0">
                <a:latin typeface="Calibri" panose="020F0502020204030204" pitchFamily="34" charset="0"/>
              </a:rPr>
              <a:t>LEGGE 15 maggio 2025 , n. 76 - Disposizioni per la partecipazione dei lavoratori alla gestione, al capitale e agli utili delle imprese.</a:t>
            </a:r>
            <a:endParaRPr lang="en-US" sz="1800" dirty="0">
              <a:latin typeface="Calibri" panose="020F0502020204030204" pitchFamily="34" charset="0"/>
            </a:endParaRPr>
          </a:p>
        </p:txBody>
      </p:sp>
      <p:sp>
        <p:nvSpPr>
          <p:cNvPr id="7" name="TextBox 6">
            <a:extLst>
              <a:ext uri="{FF2B5EF4-FFF2-40B4-BE49-F238E27FC236}">
                <a16:creationId xmlns:a16="http://schemas.microsoft.com/office/drawing/2014/main" id="{CC083F2D-023C-444C-97E7-8442F50BF67C}"/>
              </a:ext>
            </a:extLst>
          </p:cNvPr>
          <p:cNvSpPr txBox="1"/>
          <p:nvPr/>
        </p:nvSpPr>
        <p:spPr>
          <a:xfrm>
            <a:off x="323684" y="2073540"/>
            <a:ext cx="9201554" cy="4247317"/>
          </a:xfrm>
          <a:prstGeom prst="rect">
            <a:avLst/>
          </a:prstGeom>
          <a:noFill/>
        </p:spPr>
        <p:txBody>
          <a:bodyPr wrap="square">
            <a:spAutoFit/>
          </a:bodyPr>
          <a:lstStyle/>
          <a:p>
            <a:pPr algn="just"/>
            <a:r>
              <a:rPr lang="it-IT" b="1" dirty="0"/>
              <a:t>1. </a:t>
            </a:r>
            <a:r>
              <a:rPr lang="it-IT" dirty="0"/>
              <a:t>Nelle aziende di cui all'articolo 1, in coerenza e nel rispetto della normativa vigente, possono essere previsti piani di partecipazione finanziaria dei lavoratori dipendenti. Tali piani possono individuare, oltre agli strumenti di partecipazione dei lavoratori al capitale della società di cui agli articoli 2349 (</a:t>
            </a:r>
            <a:r>
              <a:rPr lang="it-IT" dirty="0" err="1"/>
              <a:t>nda</a:t>
            </a:r>
            <a:r>
              <a:rPr lang="it-IT" dirty="0"/>
              <a:t> «Azioni e strumenti finanziari a favore dei prestatori di lavoro»), 2357 (</a:t>
            </a:r>
            <a:r>
              <a:rPr lang="it-IT" dirty="0" err="1"/>
              <a:t>nda</a:t>
            </a:r>
            <a:r>
              <a:rPr lang="it-IT" dirty="0"/>
              <a:t> «Acquisto delle proprie azioni»), 2358 e 2441, ottavo comma (</a:t>
            </a:r>
            <a:r>
              <a:rPr lang="it-IT" dirty="0" err="1"/>
              <a:t>nda</a:t>
            </a:r>
            <a:r>
              <a:rPr lang="it-IT" dirty="0"/>
              <a:t> «azioni di nuova </a:t>
            </a:r>
            <a:r>
              <a:rPr lang="it-IT" dirty="0" err="1"/>
              <a:t>emissone</a:t>
            </a:r>
            <a:r>
              <a:rPr lang="it-IT" dirty="0"/>
              <a:t>»), del codice civile, determinando le condizioni di tale partecipazione, </a:t>
            </a:r>
            <a:r>
              <a:rPr lang="it-IT" b="1" dirty="0"/>
              <a:t>anche l'attribuzione di azioni in sostituzione di premi di risultato, </a:t>
            </a:r>
            <a:r>
              <a:rPr lang="it-IT" dirty="0"/>
              <a:t>ferma restando la disciplina di cui all'articolo 1, commi da 184-bis a 189, della legge 28 dicembre 2015, n. 208. </a:t>
            </a:r>
            <a:r>
              <a:rPr lang="it-IT" b="1" dirty="0"/>
              <a:t>Per l'anno 2025 i dividendi corrisposti ai lavoratori e derivanti dalle azioni attribuite in sostituzione di premi di risultato di cui al secondo periodo, per un importo non superiore a 1.500 euro annui, sono esenti dalle imposte sui redditi per il 50 per cento del loro ammontare.</a:t>
            </a:r>
          </a:p>
          <a:p>
            <a:pPr algn="just"/>
            <a:r>
              <a:rPr lang="it-IT" b="1" dirty="0"/>
              <a:t>2. </a:t>
            </a:r>
            <a:r>
              <a:rPr lang="it-IT" dirty="0"/>
              <a:t>Alle minori entrate derivanti dal comma 1, valutate in 21 milioni di euro per l'anno 2025, si provvede ai sensi dell'articolo 15, comma 1.</a:t>
            </a:r>
          </a:p>
        </p:txBody>
      </p:sp>
      <p:sp>
        <p:nvSpPr>
          <p:cNvPr id="2" name="TextBox 1">
            <a:extLst>
              <a:ext uri="{FF2B5EF4-FFF2-40B4-BE49-F238E27FC236}">
                <a16:creationId xmlns:a16="http://schemas.microsoft.com/office/drawing/2014/main" id="{A3E7C1E8-A336-DEE6-ACCF-091394DCDFE6}"/>
              </a:ext>
            </a:extLst>
          </p:cNvPr>
          <p:cNvSpPr txBox="1"/>
          <p:nvPr/>
        </p:nvSpPr>
        <p:spPr>
          <a:xfrm>
            <a:off x="323684" y="1063848"/>
            <a:ext cx="9201554" cy="923330"/>
          </a:xfrm>
          <a:prstGeom prst="rect">
            <a:avLst/>
          </a:prstGeom>
          <a:noFill/>
        </p:spPr>
        <p:txBody>
          <a:bodyPr wrap="square">
            <a:spAutoFit/>
          </a:bodyPr>
          <a:lstStyle/>
          <a:p>
            <a:r>
              <a:rPr lang="it-IT" dirty="0"/>
              <a:t>2. Partecipazione economica e finanziaria dei lavoratori </a:t>
            </a:r>
          </a:p>
          <a:p>
            <a:endParaRPr lang="it-IT" dirty="0"/>
          </a:p>
          <a:p>
            <a:pPr marL="285750" indent="-285750">
              <a:buFont typeface="Arial" panose="020B0604020202020204" pitchFamily="34" charset="0"/>
              <a:buChar char="•"/>
            </a:pPr>
            <a:r>
              <a:rPr lang="it-IT" dirty="0"/>
              <a:t>	</a:t>
            </a:r>
            <a:r>
              <a:rPr lang="it-IT" u="sng" dirty="0"/>
              <a:t>Piani di partecipazione finanziaria dei lavoratori</a:t>
            </a:r>
          </a:p>
        </p:txBody>
      </p:sp>
    </p:spTree>
    <p:extLst>
      <p:ext uri="{BB962C8B-B14F-4D97-AF65-F5344CB8AC3E}">
        <p14:creationId xmlns:p14="http://schemas.microsoft.com/office/powerpoint/2010/main" val="2019923916"/>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P spid="2" grpId="0"/>
    </p:bldLst>
  </p:timing>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iquadrani\AppData\Local\Templafy\AddIns\PowerPointVsto\Tax_GlobalCommonStorefront_hero_black_lores_006.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iquadrani\AppData\Local\Templafy\AddIns\PowerPointVsto\Tax_GlobalCommonStorefront_hero_black_lores_006.png"/>
</p:tagLst>
</file>

<file path=ppt/theme/theme1.xml><?xml version="1.0" encoding="utf-8"?>
<a:theme xmlns:a="http://schemas.openxmlformats.org/drawingml/2006/main" name="Facet">
  <a:themeElements>
    <a:clrScheme name="Facet">
      <a:dk1>
        <a:sysClr val="windowText" lastClr="000000"/>
      </a:dk1>
      <a:lt1>
        <a:sysClr val="window" lastClr="FFFFFF"/>
      </a:lt1>
      <a:dk2>
        <a:srgbClr val="2C3C43"/>
      </a:dk2>
      <a:lt2>
        <a:srgbClr val="EBEBEB"/>
      </a:lt2>
      <a:accent1>
        <a:srgbClr val="90C226"/>
      </a:accent1>
      <a:accent2>
        <a:srgbClr val="54A021"/>
      </a:accent2>
      <a:accent3>
        <a:srgbClr val="E6B91E"/>
      </a:accent3>
      <a:accent4>
        <a:srgbClr val="E76618"/>
      </a:accent4>
      <a:accent5>
        <a:srgbClr val="C42F1A"/>
      </a:accent5>
      <a:accent6>
        <a:srgbClr val="918655"/>
      </a:accent6>
      <a:hlink>
        <a:srgbClr val="99CA3C"/>
      </a:hlink>
      <a:folHlink>
        <a:srgbClr val="B9D181"/>
      </a:folHlink>
    </a:clrScheme>
    <a:fontScheme name="Facet">
      <a:majorFont>
        <a:latin typeface="Trebuchet MS" panose="020B0603020202020204"/>
        <a:ea typeface=""/>
        <a:cs typeface=""/>
        <a:font script="Jpan" typeface="メイリオ"/>
        <a:font script="Hang" typeface="맑은 고딕"/>
        <a:font script="Hans" typeface="方正姚体"/>
        <a:font script="Hant" typeface="微軟正黑體"/>
        <a:font script="Arab" typeface="Tahoma"/>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Trebuchet MS" panose="020B0603020202020204"/>
        <a:ea typeface=""/>
        <a:cs typeface=""/>
        <a:font script="Jpan" typeface="メイリオ"/>
        <a:font script="Hang" typeface="HY그래픽M"/>
        <a:font script="Hans" typeface="华文新魏"/>
        <a:font script="Hant" typeface="微軟正黑體"/>
        <a:font script="Arab" typeface="Tahoma"/>
        <a:font script="Hebr" typeface="Gisha"/>
        <a:font script="Thai" typeface="Iris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Facet">
      <a:fillStyleLst>
        <a:solidFill>
          <a:schemeClr val="phClr"/>
        </a:solidFill>
        <a:gradFill rotWithShape="1">
          <a:gsLst>
            <a:gs pos="0">
              <a:schemeClr val="phClr">
                <a:tint val="65000"/>
                <a:lumMod val="110000"/>
              </a:schemeClr>
            </a:gs>
            <a:gs pos="88000">
              <a:schemeClr val="phClr">
                <a:tint val="90000"/>
              </a:schemeClr>
            </a:gs>
          </a:gsLst>
          <a:lin ang="5400000" scaled="0"/>
        </a:gradFill>
        <a:gradFill rotWithShape="1">
          <a:gsLst>
            <a:gs pos="0">
              <a:schemeClr val="phClr">
                <a:tint val="96000"/>
                <a:lumMod val="100000"/>
              </a:schemeClr>
            </a:gs>
            <a:gs pos="78000">
              <a:schemeClr val="phClr">
                <a:shade val="94000"/>
                <a:lumMod val="94000"/>
              </a:schemeClr>
            </a:gs>
          </a:gsLst>
          <a:lin ang="5400000" scaled="0"/>
        </a:gradFill>
      </a:fillStyleLst>
      <a:lnStyleLst>
        <a:ln w="12700" cap="rnd" cmpd="sng" algn="ctr">
          <a:solidFill>
            <a:schemeClr val="phClr"/>
          </a:solidFill>
          <a:prstDash val="solid"/>
        </a:ln>
        <a:ln w="19050" cap="rnd" cmpd="sng" algn="ctr">
          <a:solidFill>
            <a:schemeClr val="phClr"/>
          </a:solidFill>
          <a:prstDash val="solid"/>
        </a:ln>
        <a:ln w="25400" cap="rnd" cmpd="sng" algn="ctr">
          <a:solidFill>
            <a:schemeClr val="phClr"/>
          </a:solidFill>
          <a:prstDash val="solid"/>
        </a:ln>
      </a:lnStyleLst>
      <a:effectStyleLst>
        <a:effectStyle>
          <a:effectLst/>
        </a:effectStyle>
        <a:effectStyle>
          <a:effectLst>
            <a:outerShdw blurRad="38100" dist="25400" dir="5400000" rotWithShape="0">
              <a:srgbClr val="000000">
                <a:alpha val="35000"/>
              </a:srgbClr>
            </a:outerShdw>
          </a:effectLst>
        </a:effectStyle>
        <a:effectStyle>
          <a:effectLst>
            <a:outerShdw blurRad="50800" dist="38100" dir="5400000" rotWithShape="0">
              <a:srgbClr val="000000">
                <a:alpha val="35000"/>
              </a:srgbClr>
            </a:outerShdw>
          </a:effectLst>
          <a:scene3d>
            <a:camera prst="orthographicFront">
              <a:rot lat="0" lon="0" rev="0"/>
            </a:camera>
            <a:lightRig rig="threePt" dir="tl"/>
          </a:scene3d>
          <a:sp3d prstMaterial="plastic">
            <a:bevelT w="0" h="0"/>
          </a:sp3d>
        </a:effectStyle>
      </a:effectStyleLst>
      <a:bgFillStyleLst>
        <a:solidFill>
          <a:schemeClr val="phClr"/>
        </a:solidFill>
        <a:gradFill rotWithShape="1">
          <a:gsLst>
            <a:gs pos="0">
              <a:schemeClr val="phClr">
                <a:tint val="90000"/>
                <a:lumMod val="104000"/>
              </a:schemeClr>
            </a:gs>
            <a:gs pos="94000">
              <a:schemeClr val="phClr">
                <a:shade val="96000"/>
                <a:lumMod val="82000"/>
              </a:schemeClr>
            </a:gs>
          </a:gsLst>
          <a:lin ang="5400000" scaled="0"/>
        </a:gradFill>
        <a:gradFill rotWithShape="1">
          <a:gsLst>
            <a:gs pos="0">
              <a:schemeClr val="phClr">
                <a:tint val="90000"/>
                <a:lumMod val="110000"/>
              </a:schemeClr>
            </a:gs>
            <a:gs pos="100000">
              <a:schemeClr val="phClr">
                <a:shade val="94000"/>
                <a:lumMod val="96000"/>
              </a:schemeClr>
            </a:gs>
          </a:gsLst>
          <a:path path="circle">
            <a:fillToRect l="50000" t="50000" r="100000" b="100000"/>
          </a:path>
        </a:gradFill>
      </a:bgFillStyleLst>
    </a:fmtScheme>
  </a:themeElements>
  <a:objectDefaults/>
  <a:extraClrSchemeLst/>
  <a:extLst>
    <a:ext uri="{05A4C25C-085E-4340-85A3-A5531E510DB2}">
      <thm15:themeFamily xmlns:thm15="http://schemas.microsoft.com/office/thememl/2012/main" name="Facet" id="{C0C680CD-088A-49FC-A102-D699147F32B2}" vid="{CFBC31BA-B70F-4F30-BCAA-4F3011E16C4D}"/>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Deloitte Blank","templateDescription":"","enableDocumentContentUpdater":false,"version":"2.0"}]]></Templafy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7786907613342931","enableDocumentContentUpdater":false,"version":"2.0"}]]></TemplafySlideTemplateConfiguration>
</file>

<file path=customXml/item5.xml><?xml version="1.0" encoding="utf-8"?>
<TemplafySlideTemplateConfiguration><![CDATA[{"slideVersion":1,"isValidatorEnabled":false,"isLocked":false,"elementsMetadata":[],"slideId":"637786907613342931","enableDocumentContentUpdater":false,"version":"2.0"}]]></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1BA1A0FF-B638-4C21-97C7-AC74F44DF38E}">
  <ds:schemaRefs/>
</ds:datastoreItem>
</file>

<file path=customXml/itemProps2.xml><?xml version="1.0" encoding="utf-8"?>
<ds:datastoreItem xmlns:ds="http://schemas.openxmlformats.org/officeDocument/2006/customXml" ds:itemID="{3EBCD3C2-26E1-4749-B37E-3B38E6A7E58A}">
  <ds:schemaRefs/>
</ds:datastoreItem>
</file>

<file path=customXml/itemProps3.xml><?xml version="1.0" encoding="utf-8"?>
<ds:datastoreItem xmlns:ds="http://schemas.openxmlformats.org/officeDocument/2006/customXml" ds:itemID="{22821ACE-FA7E-4BC7-B4B3-37B108526088}">
  <ds:schemaRefs/>
</ds:datastoreItem>
</file>

<file path=customXml/itemProps4.xml><?xml version="1.0" encoding="utf-8"?>
<ds:datastoreItem xmlns:ds="http://schemas.openxmlformats.org/officeDocument/2006/customXml" ds:itemID="{1BD8E1DB-0DD4-42CE-B62A-DE5DC0D7FD7A}">
  <ds:schemaRefs/>
</ds:datastoreItem>
</file>

<file path=customXml/itemProps5.xml><?xml version="1.0" encoding="utf-8"?>
<ds:datastoreItem xmlns:ds="http://schemas.openxmlformats.org/officeDocument/2006/customXml" ds:itemID="{4FBF0A8B-905B-4072-B14B-96E810A967FC}">
  <ds:schemaRefs/>
</ds:datastoreItem>
</file>

<file path=customXml/itemProps6.xml><?xml version="1.0" encoding="utf-8"?>
<ds:datastoreItem xmlns:ds="http://schemas.openxmlformats.org/officeDocument/2006/customXml" ds:itemID="{0CA38FA9-3B39-4650-9D97-D7785B38D2B3}">
  <ds:schemaRefs/>
</ds:datastoreItem>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Template>Facet</Template>
  <TotalTime>4043</TotalTime>
  <Words>5227</Words>
  <Application>Microsoft Office PowerPoint</Application>
  <PresentationFormat>Widescreen</PresentationFormat>
  <Paragraphs>179</Paragraphs>
  <Slides>28</Slides>
  <Notes>28</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28</vt:i4>
      </vt:variant>
    </vt:vector>
  </HeadingPairs>
  <TitlesOfParts>
    <vt:vector size="36" baseType="lpstr">
      <vt:lpstr>Arial</vt:lpstr>
      <vt:lpstr>Calibri</vt:lpstr>
      <vt:lpstr>Calibri Light</vt:lpstr>
      <vt:lpstr>Poppins</vt:lpstr>
      <vt:lpstr>Trebuchet MS</vt:lpstr>
      <vt:lpstr>Wingdings 2</vt:lpstr>
      <vt:lpstr>Wingdings 3</vt:lpstr>
      <vt:lpstr>Facet</vt:lpstr>
      <vt:lpstr>Unindustria 17 giugno 2025 </vt:lpstr>
      <vt:lpstr>LEGGE 15 maggio 2025 , n. 76 - Disposizioni per la partecipazione dei lavoratori alla gestione, al capitale e agli utili delle imprese</vt:lpstr>
      <vt:lpstr>Articolo 1, comma 182 ss, della legge di Stabilità 2016 (L. 28 dicembre 2015, n. 208)</vt:lpstr>
      <vt:lpstr>Coinvolgimento paritetico dei lavoratori</vt:lpstr>
      <vt:lpstr>Coinvolgimento paritetico dei lavoratori</vt:lpstr>
      <vt:lpstr>LEGGE 15 maggio 2025, n. 76 - Disposizioni per la partecipazione dei lavoratori alla gestione, al capitale e agli utili delle imprese.</vt:lpstr>
      <vt:lpstr>LEGGE 15 maggio 2025, n. 76 - Disposizioni per la partecipazione dei lavoratori alla gestione, al capitale e agli utili delle imprese.</vt:lpstr>
      <vt:lpstr>LEGGE 15 maggio 2025 , n. 76 - Disposizioni per la partecipazione dei lavoratori alla gestione, al capitale e agli utili delle imprese.</vt:lpstr>
      <vt:lpstr>LEGGE 15 maggio 2025 , n. 76 - Disposizioni per la partecipazione dei lavoratori alla gestione, al capitale e agli utili delle imprese.</vt:lpstr>
      <vt:lpstr>LEGGE 15 maggio 2025 , n. 76 - Disposizioni per la partecipazione dei lavoratori alla gestione, al capitale e agli utili delle imprese.</vt:lpstr>
      <vt:lpstr>LEGGE 15 maggio 2025 , n. 76 - Disposizioni per la partecipazione dei lavoratori alla gestione, al capitale e agli utili delle imprese.</vt:lpstr>
      <vt:lpstr>LEGGE 15 maggio 2025 , n. 76 - Disposizioni per la partecipazione dei lavoratori alla gestione, al capitale e agli utili delle imprese.</vt:lpstr>
      <vt:lpstr>LEGGE 15 maggio 2025 , n. 76 - Disposizioni per la partecipazione dei lavoratori alla gestione, al capitale e agli utili delle imprese.</vt:lpstr>
      <vt:lpstr>Circolare n. 6 del 2025: Novità in tema di detrazioni - Legge 30 dicembre 2024, n. 207 (legge di bilancio 2025)</vt:lpstr>
      <vt:lpstr>Riordino delle detrazioni: articolo 1 comma 10 della Legge del 30/12/2024 n. 207</vt:lpstr>
      <vt:lpstr>Riordino delle detrazioni: articolo 1 comma 10 della Legge del 30/12/2024 n. 207</vt:lpstr>
      <vt:lpstr>LEGGE 15 maggio 2025 , n. 76 - Disposizioni per la partecipazione dei lavoratori alla gestione, al capitale e agli utili delle imprese.</vt:lpstr>
      <vt:lpstr>LEGGE 15 maggio 2025 , n. 76 - Disposizioni per la partecipazione dei lavoratori alla gestione, al capitale e agli utili delle imprese.</vt:lpstr>
      <vt:lpstr>Circolare n. 6 del 2025 - Riordino delle detrazioni: articolo 1 comma 10 della Legge del 30/12/2024 n. 207</vt:lpstr>
      <vt:lpstr>Circolare n. 6 del 2025 - Riordino delle detrazioni: articolo 1 comma 10 della Legge del 30/12/2024 n. 207</vt:lpstr>
      <vt:lpstr>Circolare n. 6 del 2025 - Riordino delle detrazioni: articolo 1 comma 10 della Legge del 30/12/2024 n. 207</vt:lpstr>
      <vt:lpstr>Circolare n. 6 del 2025 - Riordino delle detrazioni: articolo 1 comma 10 della Legge del 30/12/2024 n. 207</vt:lpstr>
      <vt:lpstr>Circolare n. 6 del 2025 - Riordino delle detrazioni: articolo 1 comma 10 della Legge del 30/12/2024 n. 207</vt:lpstr>
      <vt:lpstr>Circolare n. 6 del 2025 - Riordino delle detrazioni: articolo 1 comma 10 della Legge del 30/12/2024 n. 207</vt:lpstr>
      <vt:lpstr>Circolare n. 6 del 2025 - Riordino delle detrazioni: articolo 1 comma 10 della Legge del 30/12/2024 n. 207</vt:lpstr>
      <vt:lpstr>Circolare n. 6 del 2025 - Riordino delle detrazioni: articolo 1 comma 10 della Legge del 30/12/2024 n. 207</vt:lpstr>
      <vt:lpstr>Circolare n. 6 del 2025 - Riordino delle detrazioni: articolo 1 comma 10 della Legge del 30/12/2024 n. 207</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Berlusconi, Antonella</dc:creator>
  <cp:lastModifiedBy>Deloitte</cp:lastModifiedBy>
  <cp:revision>62</cp:revision>
  <dcterms:created xsi:type="dcterms:W3CDTF">2022-07-21T16:11:06Z</dcterms:created>
  <dcterms:modified xsi:type="dcterms:W3CDTF">2025-06-17T11:35: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1-25T17:14:35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deaa83c7-7f05-4ea9-baec-f31825758f48</vt:lpwstr>
  </property>
  <property fmtid="{D5CDD505-2E9C-101B-9397-08002B2CF9AE}" pid="8" name="MSIP_Label_ea60d57e-af5b-4752-ac57-3e4f28ca11dc_ContentBits">
    <vt:lpwstr>0</vt:lpwstr>
  </property>
  <property fmtid="{D5CDD505-2E9C-101B-9397-08002B2CF9AE}" pid="9" name="TemplafyTimeStamp">
    <vt:lpwstr>2021-12-01T13:38:21</vt:lpwstr>
  </property>
  <property fmtid="{D5CDD505-2E9C-101B-9397-08002B2CF9AE}" pid="10" name="TemplafyTenantId">
    <vt:lpwstr>deloittecm</vt:lpwstr>
  </property>
  <property fmtid="{D5CDD505-2E9C-101B-9397-08002B2CF9AE}" pid="11" name="TemplafyTemplateId">
    <vt:lpwstr>637739627007274728</vt:lpwstr>
  </property>
  <property fmtid="{D5CDD505-2E9C-101B-9397-08002B2CF9AE}" pid="12" name="TemplafyUserProfileId">
    <vt:lpwstr>637829554317015070</vt:lpwstr>
  </property>
  <property fmtid="{D5CDD505-2E9C-101B-9397-08002B2CF9AE}" pid="13" name="TemplafyFromBlank">
    <vt:bool>true</vt:bool>
  </property>
</Properties>
</file>